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425"/>
  <workbookPr/>
  <mc:AlternateContent xmlns:mc="http://schemas.openxmlformats.org/markup-compatibility/2006">
    <mc:Choice Requires="x15">
      <x15ac:absPath xmlns:x15ac="http://schemas.microsoft.com/office/spreadsheetml/2010/11/ac" url="\\smd1fs01\s165\S165経営支援部\新事部-R1連携事業支援☆\C2 03販路開拓支援\C2 01 パートナー事業\C2 03 パートナー企画\C2 令和6年度\03-15_JR西日本京都SC開発株式会社             （決裁前・資料回収済）\エントリー\"/>
    </mc:Choice>
  </mc:AlternateContent>
  <xr:revisionPtr revIDLastSave="0" documentId="13_ncr:1_{31168AC1-965A-4928-A2CC-39593DF47B6D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商品シート" sheetId="4" r:id="rId1"/>
    <sheet name="リスト" sheetId="3" state="hidden" r:id="rId2"/>
  </sheets>
  <definedNames>
    <definedName name="サービス業・他に分類されないもの">リスト!$V$4:$V$12</definedName>
    <definedName name="医療・福祉">リスト!$T$4:$T$6</definedName>
    <definedName name="運輸業・郵便業">リスト!$L$4:$L$11</definedName>
    <definedName name="卸売業・小売業">リスト!$M$4:$M$15</definedName>
    <definedName name="学術研究・専門・技術サービス業">リスト!$P$4:$P$7</definedName>
    <definedName name="漁業">リスト!$F$4:$F$5</definedName>
    <definedName name="教育・学習支援業">リスト!$S$4:$S$5</definedName>
    <definedName name="金融業・保険業">リスト!$N$4:$N$9</definedName>
    <definedName name="建設業">リスト!$H$4:$H$6</definedName>
    <definedName name="公務・他に分類されるものを除く">リスト!$W$4:$W$5</definedName>
    <definedName name="鉱業・採石業・砂利採取業">リスト!$G$4</definedName>
    <definedName name="宿泊業・飲食サービス業">リスト!$Q$4:$Q$6</definedName>
    <definedName name="情報通信業">リスト!$K$4:$K$8</definedName>
    <definedName name="生活関連サービス業・娯楽業">リスト!$R$4:$R$6</definedName>
    <definedName name="製造業">リスト!$I$4:$I$27</definedName>
    <definedName name="電気・ガス・熱供給・水道業">リスト!$J$4:$J$7</definedName>
    <definedName name="農業・林業">リスト!$E$4:$E$5</definedName>
    <definedName name="不動産業・物品賃貸業">リスト!$O$4:$O$6</definedName>
    <definedName name="複合サービス事業">リスト!$U$4:$U$5</definedName>
    <definedName name="分類不能の産業">リスト!$X$4</definedName>
  </definedNames>
  <calcPr calcId="162913"/>
</workbook>
</file>

<file path=xl/sharedStrings.xml><?xml version="1.0" encoding="utf-8"?>
<sst xmlns="http://schemas.openxmlformats.org/spreadsheetml/2006/main" count="184" uniqueCount="179">
  <si>
    <t>✓</t>
    <phoneticPr fontId="2"/>
  </si>
  <si>
    <t>漁業</t>
  </si>
  <si>
    <t>鉱業，採石業，砂利採取業</t>
  </si>
  <si>
    <t>建設業</t>
  </si>
  <si>
    <t>製造業</t>
  </si>
  <si>
    <t>電気・ガス・熱供給・水道業</t>
  </si>
  <si>
    <t>情報通信業</t>
  </si>
  <si>
    <t>運輸業，郵便業</t>
  </si>
  <si>
    <t>卸売業・小売業</t>
  </si>
  <si>
    <t>金融業・保険業</t>
  </si>
  <si>
    <t>不動産業，物品賃貸業</t>
  </si>
  <si>
    <t>学術研究，専門・技術サービス業</t>
  </si>
  <si>
    <t>宿泊業，飲食サービス業</t>
  </si>
  <si>
    <t>教育，学習支援業</t>
  </si>
  <si>
    <t>医療，福祉</t>
  </si>
  <si>
    <t>複合サービス事業</t>
  </si>
  <si>
    <t>サービス業（他に分類されないもの）</t>
  </si>
  <si>
    <t>公務（他に分類されるものを除く）</t>
  </si>
  <si>
    <t>分類不能の産業</t>
  </si>
  <si>
    <t>農業</t>
  </si>
  <si>
    <t>林業</t>
  </si>
  <si>
    <t>漁業（水産養殖業を除く）</t>
  </si>
  <si>
    <t>水産養殖業</t>
  </si>
  <si>
    <t>総合工事業</t>
  </si>
  <si>
    <t>職別工事業(設備工事業を除く)</t>
  </si>
  <si>
    <t>設備工事業</t>
  </si>
  <si>
    <t>食料品製造業</t>
  </si>
  <si>
    <t>飲料・たばこ・飼料製造業</t>
  </si>
  <si>
    <t>繊維工業</t>
  </si>
  <si>
    <t>木材・木製品製造業（家具を除く）</t>
  </si>
  <si>
    <t>家具・装備品製造業</t>
  </si>
  <si>
    <t>パルプ・紙・紙加工品製造業</t>
  </si>
  <si>
    <t>印刷・同関連業</t>
  </si>
  <si>
    <t>化学工業</t>
  </si>
  <si>
    <t>石油製品・石炭製品製造業</t>
  </si>
  <si>
    <t>プラスチック製品製造業（別掲を除く）</t>
  </si>
  <si>
    <t>ゴム製品製造業</t>
  </si>
  <si>
    <t>なめし革・同製品・毛皮製造業</t>
  </si>
  <si>
    <t>窯業・土石製品製造業</t>
  </si>
  <si>
    <t>鉄鋼業</t>
  </si>
  <si>
    <t>非鉄金属製造業</t>
  </si>
  <si>
    <t>金属製品製造業</t>
  </si>
  <si>
    <t>はん用機械器具製造業</t>
  </si>
  <si>
    <t>生産用機械器具製造業</t>
  </si>
  <si>
    <t>業務用機械器具製造業</t>
  </si>
  <si>
    <t>電子部品・デバイス・電子回路製造業</t>
  </si>
  <si>
    <t>電気機械器具製造業</t>
  </si>
  <si>
    <t>情報通信機械器具製造業</t>
  </si>
  <si>
    <t>輸送用機械器具製造業</t>
  </si>
  <si>
    <t>その他の製造業</t>
  </si>
  <si>
    <t>電気業</t>
  </si>
  <si>
    <t>ガス業</t>
  </si>
  <si>
    <t>熱供給業</t>
  </si>
  <si>
    <t>水道業</t>
  </si>
  <si>
    <t>通信業</t>
  </si>
  <si>
    <t>放送業</t>
  </si>
  <si>
    <t>情報サービス業</t>
  </si>
  <si>
    <t>インターネット附随サービス業</t>
  </si>
  <si>
    <t>映像・音声・文字情報制作業</t>
  </si>
  <si>
    <t>鉄道業</t>
  </si>
  <si>
    <t>道路旅客運送業</t>
  </si>
  <si>
    <t>道路貨物運送業</t>
  </si>
  <si>
    <t>水運業</t>
  </si>
  <si>
    <t>航空運輸業</t>
  </si>
  <si>
    <t>倉庫業</t>
  </si>
  <si>
    <t>運輸に附帯するサービス業</t>
  </si>
  <si>
    <t>郵便業（信書便事業を含む）</t>
  </si>
  <si>
    <t>各種商品卸売業</t>
  </si>
  <si>
    <t>繊維・衣服等卸売業</t>
  </si>
  <si>
    <t>飲食料品卸売業</t>
  </si>
  <si>
    <t>建築材料，鉱物・金属材料等卸売業</t>
  </si>
  <si>
    <t>機械器具卸売業</t>
  </si>
  <si>
    <t>その他の卸売業</t>
  </si>
  <si>
    <t>各種商品小売業</t>
  </si>
  <si>
    <t>織物・衣服・身の回り品小売業</t>
  </si>
  <si>
    <t>飲食料品小売業</t>
  </si>
  <si>
    <t>機械器具小売業</t>
  </si>
  <si>
    <t>その他の小売業</t>
  </si>
  <si>
    <t>無店舗小売業</t>
  </si>
  <si>
    <t>銀行業</t>
  </si>
  <si>
    <t>協同組織金融業</t>
  </si>
  <si>
    <t>貸金業，クレジットカード業等非預金信用機関</t>
  </si>
  <si>
    <t>金融商品取引業，商品先物取引業</t>
  </si>
  <si>
    <t>補助的金融業等</t>
  </si>
  <si>
    <t>保険業（保険媒介代理業，保険サービス業を含む）</t>
  </si>
  <si>
    <t>不動産取引業</t>
  </si>
  <si>
    <t>不動産賃貸業・管理業</t>
  </si>
  <si>
    <t>物品賃貸業</t>
  </si>
  <si>
    <t>学術・開発研究機関</t>
  </si>
  <si>
    <t>専門サービス業（他に分類されないもの）</t>
  </si>
  <si>
    <t>広告業</t>
  </si>
  <si>
    <t>技術サービス業（他に分類されないもの）</t>
  </si>
  <si>
    <t>宿泊業</t>
  </si>
  <si>
    <t>飲食店</t>
  </si>
  <si>
    <t>持ち帰り・配達飲食サービス業</t>
  </si>
  <si>
    <t>洗濯・理容・美容・浴場業</t>
  </si>
  <si>
    <t>その他の生活関連サービス業</t>
  </si>
  <si>
    <t>娯楽業</t>
  </si>
  <si>
    <t>学校教育</t>
  </si>
  <si>
    <t>その他の教育，学習支援業</t>
  </si>
  <si>
    <t>医療業</t>
  </si>
  <si>
    <t>保健衛生</t>
  </si>
  <si>
    <t>社会保険・社会福祉・介護事業</t>
  </si>
  <si>
    <t>郵便局</t>
  </si>
  <si>
    <t>協同組合（他に分類されないもの）</t>
  </si>
  <si>
    <t>廃棄物処理業</t>
  </si>
  <si>
    <t>自動車整備業</t>
  </si>
  <si>
    <t>機械等修理業（別掲を除く）</t>
  </si>
  <si>
    <t>職業紹介・労働者派遣業</t>
  </si>
  <si>
    <t>その他の事業サービス業</t>
  </si>
  <si>
    <t>政治・経済・文化団体</t>
  </si>
  <si>
    <t>宗教</t>
  </si>
  <si>
    <t>その他のサービス業</t>
  </si>
  <si>
    <t>外国公務</t>
  </si>
  <si>
    <t>国家公務</t>
  </si>
  <si>
    <t>地方公務</t>
  </si>
  <si>
    <t>農業，林業</t>
    <phoneticPr fontId="2"/>
  </si>
  <si>
    <t>生活関連サービス業，娯楽業</t>
    <phoneticPr fontId="2"/>
  </si>
  <si>
    <t>農業・林業</t>
    <phoneticPr fontId="2"/>
  </si>
  <si>
    <t>鉱業・採石業・砂利採取業</t>
    <phoneticPr fontId="2"/>
  </si>
  <si>
    <t>運輸業・郵便業</t>
    <phoneticPr fontId="2"/>
  </si>
  <si>
    <t>不動産業・物品賃貸業</t>
    <phoneticPr fontId="2"/>
  </si>
  <si>
    <t>学術研究・専門・技術サービス業</t>
    <phoneticPr fontId="2"/>
  </si>
  <si>
    <t>宿泊業・飲食サービス業</t>
    <phoneticPr fontId="2"/>
  </si>
  <si>
    <t>生活関連サービス業・娯楽業</t>
    <phoneticPr fontId="2"/>
  </si>
  <si>
    <t>教育・学習支援業</t>
    <phoneticPr fontId="2"/>
  </si>
  <si>
    <t>医療・福祉</t>
    <phoneticPr fontId="2"/>
  </si>
  <si>
    <t>建設業</t>
    <phoneticPr fontId="2"/>
  </si>
  <si>
    <t>電気・ガス・熱供給・水道業</t>
    <phoneticPr fontId="2"/>
  </si>
  <si>
    <t>情報通信業</t>
    <phoneticPr fontId="2"/>
  </si>
  <si>
    <t>卸売業・小売業</t>
    <phoneticPr fontId="2"/>
  </si>
  <si>
    <t>金融業・保険業</t>
    <phoneticPr fontId="2"/>
  </si>
  <si>
    <t>複合サービス事業</t>
    <phoneticPr fontId="2"/>
  </si>
  <si>
    <t>サービス業・他に分類されないもの</t>
    <phoneticPr fontId="2"/>
  </si>
  <si>
    <t>公務・他に分類されるものを除く</t>
    <phoneticPr fontId="2"/>
  </si>
  <si>
    <t>分類不能の産業</t>
    <phoneticPr fontId="2"/>
  </si>
  <si>
    <t>NO</t>
    <phoneticPr fontId="2"/>
  </si>
  <si>
    <t>テーマ</t>
    <phoneticPr fontId="5"/>
  </si>
  <si>
    <t>都道府県名</t>
    <rPh sb="0" eb="4">
      <t>トドウフケン</t>
    </rPh>
    <rPh sb="3" eb="5">
      <t>ケンメイ</t>
    </rPh>
    <phoneticPr fontId="2"/>
  </si>
  <si>
    <t>ブランド名</t>
    <phoneticPr fontId="2"/>
  </si>
  <si>
    <t>ショップ名
（展開屋号）</t>
    <rPh sb="4" eb="5">
      <t>メイ</t>
    </rPh>
    <rPh sb="7" eb="9">
      <t>テンカイ</t>
    </rPh>
    <rPh sb="9" eb="11">
      <t>ヤゴウ</t>
    </rPh>
    <phoneticPr fontId="5"/>
  </si>
  <si>
    <t>カテゴリー</t>
    <phoneticPr fontId="2"/>
  </si>
  <si>
    <t>URL（商品が解る）</t>
    <rPh sb="4" eb="6">
      <t>ショウヒン</t>
    </rPh>
    <rPh sb="7" eb="8">
      <t>ワカ</t>
    </rPh>
    <phoneticPr fontId="2"/>
  </si>
  <si>
    <t>1日当たり確保可能な在庫金額</t>
    <rPh sb="1" eb="2">
      <t>ニチ</t>
    </rPh>
    <rPh sb="2" eb="3">
      <t>ア</t>
    </rPh>
    <rPh sb="5" eb="9">
      <t>カクホカノウ</t>
    </rPh>
    <rPh sb="10" eb="12">
      <t>ザイコ</t>
    </rPh>
    <rPh sb="12" eb="14">
      <t>キンガク</t>
    </rPh>
    <phoneticPr fontId="2"/>
  </si>
  <si>
    <t>納品形態</t>
    <rPh sb="0" eb="4">
      <t>ノウヒンケイタイ</t>
    </rPh>
    <phoneticPr fontId="5"/>
  </si>
  <si>
    <t>賞味期限
(D+●日)</t>
    <rPh sb="0" eb="4">
      <t>ショウミキゲン</t>
    </rPh>
    <rPh sb="9" eb="10">
      <t>ニチ</t>
    </rPh>
    <phoneticPr fontId="2"/>
  </si>
  <si>
    <t>その他特記事項</t>
    <rPh sb="2" eb="3">
      <t>タ</t>
    </rPh>
    <rPh sb="3" eb="7">
      <t>トッキジコウ</t>
    </rPh>
    <phoneticPr fontId="5"/>
  </si>
  <si>
    <t>例</t>
    <rPh sb="0" eb="1">
      <t>レイ</t>
    </rPh>
    <phoneticPr fontId="2"/>
  </si>
  <si>
    <t>山形県</t>
    <rPh sb="0" eb="2">
      <t>ヤマガタ</t>
    </rPh>
    <rPh sb="2" eb="3">
      <t>ケン</t>
    </rPh>
    <phoneticPr fontId="2"/>
  </si>
  <si>
    <t>〇〇〇〇</t>
    <phoneticPr fontId="2"/>
  </si>
  <si>
    <t>500～1000円</t>
    <rPh sb="8" eb="9">
      <t>エン</t>
    </rPh>
    <phoneticPr fontId="5"/>
  </si>
  <si>
    <t>20万円～30万円</t>
    <rPh sb="2" eb="4">
      <t>マンエン</t>
    </rPh>
    <rPh sb="7" eb="9">
      <t>マンエン</t>
    </rPh>
    <phoneticPr fontId="5"/>
  </si>
  <si>
    <t>宅急便＋自社便</t>
    <rPh sb="0" eb="3">
      <t>タッキュウビン</t>
    </rPh>
    <rPh sb="4" eb="7">
      <t>ジシャビン</t>
    </rPh>
    <phoneticPr fontId="3"/>
  </si>
  <si>
    <t>宅急便＋自社便</t>
    <rPh sb="0" eb="3">
      <t>タッキュウビン</t>
    </rPh>
    <rPh sb="4" eb="7">
      <t>ジシャビン</t>
    </rPh>
    <phoneticPr fontId="5"/>
  </si>
  <si>
    <t>2日間</t>
    <rPh sb="1" eb="2">
      <t>ニチ</t>
    </rPh>
    <rPh sb="2" eb="3">
      <t>カン</t>
    </rPh>
    <phoneticPr fontId="2"/>
  </si>
  <si>
    <t>冷蔵</t>
    <rPh sb="0" eb="2">
      <t>レイゾウ</t>
    </rPh>
    <phoneticPr fontId="2"/>
  </si>
  <si>
    <t>コレもう食べた？</t>
    <rPh sb="4" eb="5">
      <t>タ</t>
    </rPh>
    <phoneticPr fontId="3"/>
  </si>
  <si>
    <t>エキナカ催事</t>
    <rPh sb="4" eb="6">
      <t>サイジ</t>
    </rPh>
    <phoneticPr fontId="3"/>
  </si>
  <si>
    <t>https://〇〇</t>
    <phoneticPr fontId="5"/>
  </si>
  <si>
    <t>宅急便</t>
    <rPh sb="0" eb="3">
      <t>タッキュウビン</t>
    </rPh>
    <phoneticPr fontId="3"/>
  </si>
  <si>
    <t>自社便</t>
    <rPh sb="0" eb="2">
      <t>ジシャ</t>
    </rPh>
    <rPh sb="2" eb="3">
      <t>ビン</t>
    </rPh>
    <phoneticPr fontId="3"/>
  </si>
  <si>
    <r>
      <t xml:space="preserve">食品（生菓子）
</t>
    </r>
    <r>
      <rPr>
        <sz val="11"/>
        <color rgb="FFFF0000"/>
        <rFont val="BIZ UDPゴシック"/>
        <family val="3"/>
        <charset val="128"/>
      </rPr>
      <t>※催事の場合は1カテゴリー1段ご記入下さい</t>
    </r>
    <rPh sb="0" eb="2">
      <t>ショクヒン</t>
    </rPh>
    <rPh sb="3" eb="6">
      <t>ナマガシ</t>
    </rPh>
    <rPh sb="9" eb="11">
      <t>サイジ</t>
    </rPh>
    <rPh sb="12" eb="14">
      <t>バアイ</t>
    </rPh>
    <rPh sb="22" eb="23">
      <t>ダン</t>
    </rPh>
    <rPh sb="24" eb="26">
      <t>キニュウ</t>
    </rPh>
    <rPh sb="26" eb="27">
      <t>クダ</t>
    </rPh>
    <phoneticPr fontId="5"/>
  </si>
  <si>
    <t>常温</t>
    <rPh sb="0" eb="2">
      <t>ジョウオン</t>
    </rPh>
    <phoneticPr fontId="2"/>
  </si>
  <si>
    <t>冷蔵</t>
    <rPh sb="0" eb="2">
      <t>レイゾウ</t>
    </rPh>
    <phoneticPr fontId="2"/>
  </si>
  <si>
    <t>冷凍</t>
    <rPh sb="0" eb="2">
      <t>レイトウ</t>
    </rPh>
    <phoneticPr fontId="2"/>
  </si>
  <si>
    <t>JR西日本京都SC開発株式会社　POPUPエントリーシート</t>
    <phoneticPr fontId="2"/>
  </si>
  <si>
    <t>商品価格帯</t>
    <rPh sb="0" eb="2">
      <t>ショウヒン</t>
    </rPh>
    <rPh sb="2" eb="5">
      <t>カカクタイ</t>
    </rPh>
    <phoneticPr fontId="2"/>
  </si>
  <si>
    <t>客単価</t>
    <rPh sb="0" eb="3">
      <t>キャクタンカ</t>
    </rPh>
    <phoneticPr fontId="2"/>
  </si>
  <si>
    <t>1000～2000円</t>
    <rPh sb="9" eb="10">
      <t>エン</t>
    </rPh>
    <phoneticPr fontId="2"/>
  </si>
  <si>
    <t>ポップアップストア</t>
    <phoneticPr fontId="5"/>
  </si>
  <si>
    <t>○○百貨店　2024/2/1～2/14
○○円（税別）</t>
    <rPh sb="2" eb="5">
      <t>ヒャッカテン</t>
    </rPh>
    <rPh sb="22" eb="23">
      <t>エン</t>
    </rPh>
    <rPh sb="24" eb="26">
      <t>ゼイベツ</t>
    </rPh>
    <phoneticPr fontId="2"/>
  </si>
  <si>
    <t>過去売上実績</t>
    <rPh sb="0" eb="2">
      <t>カコ</t>
    </rPh>
    <rPh sb="2" eb="4">
      <t>ウリアゲ</t>
    </rPh>
    <rPh sb="4" eb="6">
      <t>ジッセキ</t>
    </rPh>
    <phoneticPr fontId="2"/>
  </si>
  <si>
    <t>販売スタッフ</t>
    <rPh sb="0" eb="2">
      <t>ハンバイ</t>
    </rPh>
    <phoneticPr fontId="2"/>
  </si>
  <si>
    <t>自社or
委託</t>
    <rPh sb="0" eb="2">
      <t>ジシャ</t>
    </rPh>
    <rPh sb="5" eb="7">
      <t>イタク</t>
    </rPh>
    <phoneticPr fontId="2"/>
  </si>
  <si>
    <t>2024年5月から6月</t>
    <rPh sb="4" eb="5">
      <t>ネン</t>
    </rPh>
    <rPh sb="6" eb="7">
      <t>ガツ</t>
    </rPh>
    <rPh sb="10" eb="11">
      <t>ガツ</t>
    </rPh>
    <phoneticPr fontId="5"/>
  </si>
  <si>
    <t>常温
冷蔵
冷凍
※冷蔵冷凍の場合は要什器持込</t>
    <rPh sb="0" eb="2">
      <t>ジョウオン</t>
    </rPh>
    <rPh sb="3" eb="5">
      <t>レイゾウ</t>
    </rPh>
    <rPh sb="6" eb="8">
      <t>レイトウ</t>
    </rPh>
    <rPh sb="10" eb="12">
      <t>レイゾウ</t>
    </rPh>
    <rPh sb="12" eb="14">
      <t>レイトウ</t>
    </rPh>
    <rPh sb="15" eb="17">
      <t>バアイ</t>
    </rPh>
    <rPh sb="18" eb="19">
      <t>ヨウ</t>
    </rPh>
    <rPh sb="19" eb="21">
      <t>ジュウキ</t>
    </rPh>
    <rPh sb="21" eb="23">
      <t>モチコミ</t>
    </rPh>
    <phoneticPr fontId="2"/>
  </si>
  <si>
    <t>展開　希望時期</t>
    <rPh sb="0" eb="2">
      <t>テンカイ</t>
    </rPh>
    <rPh sb="3" eb="5">
      <t>キボウ</t>
    </rPh>
    <rPh sb="5" eb="7">
      <t>ジキ</t>
    </rPh>
    <phoneticPr fontId="2"/>
  </si>
  <si>
    <t>企業名</t>
    <rPh sb="0" eb="3">
      <t>キギョウメイ</t>
    </rPh>
    <phoneticPr fontId="2"/>
  </si>
  <si>
    <t>○○株式会社</t>
    <rPh sb="2" eb="6">
      <t>カブシキカイシャ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4">
    <font>
      <sz val="11"/>
      <name val="ＭＳ Ｐゴシック"/>
      <family val="3"/>
      <charset val="128"/>
    </font>
    <font>
      <sz val="11"/>
      <color theme="1"/>
      <name val="Yu Gothic"/>
      <family val="2"/>
      <charset val="128"/>
      <scheme val="minor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Yu Gothic"/>
      <family val="2"/>
      <charset val="128"/>
      <scheme val="minor"/>
    </font>
    <font>
      <sz val="11"/>
      <name val="BIZ UDPゴシック"/>
      <family val="3"/>
      <charset val="128"/>
    </font>
    <font>
      <b/>
      <sz val="11"/>
      <name val="BIZ UDPゴシック"/>
      <family val="3"/>
      <charset val="128"/>
    </font>
    <font>
      <sz val="14"/>
      <color theme="1"/>
      <name val="BIZ UDPゴシック"/>
      <family val="3"/>
      <charset val="128"/>
    </font>
    <font>
      <b/>
      <sz val="16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12"/>
      <color theme="1"/>
      <name val="BIZ UDPゴシック"/>
      <family val="3"/>
      <charset val="128"/>
    </font>
    <font>
      <sz val="11"/>
      <color rgb="FFFF0000"/>
      <name val="BIZ UDPゴシック"/>
      <family val="3"/>
      <charset val="128"/>
    </font>
    <font>
      <u/>
      <sz val="11"/>
      <color indexed="12"/>
      <name val="BIZ UDP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rgb="FFD8EAF8"/>
        <bgColor indexed="64"/>
      </patternFill>
    </fill>
    <fill>
      <patternFill patternType="solid">
        <fgColor theme="0" tint="-4.9989318521683403E-2"/>
        <bgColor indexed="64"/>
      </patternFill>
    </fill>
  </fills>
  <borders count="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0" fontId="3" fillId="0" borderId="0" applyNumberFormat="0" applyFill="0" applyBorder="0" applyAlignment="0" applyProtection="0">
      <alignment vertical="top"/>
      <protection locked="0"/>
    </xf>
    <xf numFmtId="0" fontId="4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</cellStyleXfs>
  <cellXfs count="32">
    <xf numFmtId="0" fontId="0" fillId="0" borderId="0" xfId="0"/>
    <xf numFmtId="0" fontId="6" fillId="0" borderId="0" xfId="0" applyFont="1"/>
    <xf numFmtId="0" fontId="7" fillId="0" borderId="0" xfId="0" applyFont="1"/>
    <xf numFmtId="0" fontId="9" fillId="0" borderId="0" xfId="0" applyFont="1" applyAlignment="1">
      <alignment horizontal="left" vertical="center" wrapText="1" shrinkToFit="1"/>
    </xf>
    <xf numFmtId="0" fontId="10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0" fontId="11" fillId="0" borderId="0" xfId="0" applyFont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10" fillId="0" borderId="1" xfId="0" applyFont="1" applyBorder="1" applyAlignment="1">
      <alignment horizontal="center" vertical="center"/>
    </xf>
    <xf numFmtId="0" fontId="10" fillId="2" borderId="4" xfId="0" applyFont="1" applyFill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/>
    </xf>
    <xf numFmtId="0" fontId="10" fillId="0" borderId="2" xfId="0" applyFont="1" applyBorder="1" applyAlignment="1">
      <alignment horizontal="left" vertical="center"/>
    </xf>
    <xf numFmtId="0" fontId="10" fillId="0" borderId="4" xfId="0" applyFont="1" applyBorder="1" applyAlignment="1">
      <alignment horizontal="left" vertical="center" wrapText="1"/>
    </xf>
    <xf numFmtId="0" fontId="10" fillId="0" borderId="4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right" vertical="center" wrapText="1"/>
    </xf>
    <xf numFmtId="0" fontId="10" fillId="0" borderId="4" xfId="0" applyFont="1" applyBorder="1" applyAlignment="1">
      <alignment vertical="center"/>
    </xf>
    <xf numFmtId="0" fontId="10" fillId="3" borderId="4" xfId="0" applyFont="1" applyFill="1" applyBorder="1" applyAlignment="1">
      <alignment horizontal="center" vertical="center"/>
    </xf>
    <xf numFmtId="0" fontId="10" fillId="3" borderId="2" xfId="0" applyFont="1" applyFill="1" applyBorder="1" applyAlignment="1">
      <alignment horizontal="center" vertical="center"/>
    </xf>
    <xf numFmtId="0" fontId="10" fillId="3" borderId="4" xfId="0" applyFont="1" applyFill="1" applyBorder="1" applyAlignment="1">
      <alignment horizontal="center" vertical="center" wrapText="1"/>
    </xf>
    <xf numFmtId="0" fontId="10" fillId="3" borderId="3" xfId="0" applyFont="1" applyFill="1" applyBorder="1" applyAlignment="1">
      <alignment horizontal="center" vertical="center"/>
    </xf>
    <xf numFmtId="0" fontId="10" fillId="3" borderId="2" xfId="0" applyFont="1" applyFill="1" applyBorder="1" applyAlignment="1">
      <alignment horizontal="center" vertical="center" wrapText="1"/>
    </xf>
    <xf numFmtId="0" fontId="10" fillId="3" borderId="4" xfId="0" applyFont="1" applyFill="1" applyBorder="1" applyAlignment="1">
      <alignment horizontal="left" vertical="center" wrapText="1"/>
    </xf>
    <xf numFmtId="0" fontId="13" fillId="3" borderId="3" xfId="1" applyFont="1" applyFill="1" applyBorder="1" applyAlignment="1" applyProtection="1">
      <alignment horizontal="center" vertical="center" wrapText="1"/>
    </xf>
    <xf numFmtId="0" fontId="10" fillId="3" borderId="4" xfId="0" applyFont="1" applyFill="1" applyBorder="1" applyAlignment="1">
      <alignment horizontal="right" vertical="center" wrapText="1"/>
    </xf>
    <xf numFmtId="176" fontId="10" fillId="3" borderId="4" xfId="4" applyNumberFormat="1" applyFont="1" applyFill="1" applyBorder="1" applyAlignment="1">
      <alignment horizontal="center" vertical="center" wrapText="1"/>
    </xf>
    <xf numFmtId="55" fontId="10" fillId="3" borderId="4" xfId="0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 wrapText="1" shrinkToFit="1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0" fillId="0" borderId="0" xfId="0" applyFont="1" applyAlignment="1">
      <alignment horizontal="center" vertical="center"/>
    </xf>
  </cellXfs>
  <cellStyles count="5">
    <cellStyle name="パーセント" xfId="4" builtinId="5"/>
    <cellStyle name="ハイパーリンク" xfId="1" builtinId="8"/>
    <cellStyle name="桁区切り 2" xfId="3" xr:uid="{00000000-0005-0000-0000-000003000000}"/>
    <cellStyle name="標準" xfId="0" builtinId="0"/>
    <cellStyle name="標準 2" xfId="2" xr:uid="{00000000-0005-0000-0000-000005000000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D8EAF8"/>
      <color rgb="FF124163"/>
      <color rgb="FFFF0000"/>
      <color rgb="FFE7F5D7"/>
      <color rgb="FFB0DD7F"/>
      <color rgb="FFE2F3FA"/>
      <color rgb="FFCCECFF"/>
      <color rgb="FFDEEDEA"/>
      <color rgb="FF36A8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hyperlink" Target="https://&#12295;&#12295;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U15"/>
  <sheetViews>
    <sheetView tabSelected="1" zoomScale="80" zoomScaleNormal="80" workbookViewId="0">
      <selection activeCell="D6" sqref="D6"/>
    </sheetView>
  </sheetViews>
  <sheetFormatPr defaultColWidth="8.08984375" defaultRowHeight="13"/>
  <cols>
    <col min="1" max="1" width="4.08984375" style="4" customWidth="1"/>
    <col min="2" max="2" width="11.36328125" style="4" customWidth="1"/>
    <col min="3" max="3" width="10.90625" style="4" customWidth="1"/>
    <col min="4" max="4" width="16.7265625" style="4" customWidth="1"/>
    <col min="5" max="5" width="14.08984375" style="4" customWidth="1"/>
    <col min="6" max="6" width="12.7265625" style="4" customWidth="1"/>
    <col min="7" max="7" width="19.36328125" style="4" customWidth="1"/>
    <col min="8" max="8" width="17.453125" style="4" bestFit="1" customWidth="1"/>
    <col min="9" max="10" width="10.08984375" style="4" customWidth="1"/>
    <col min="11" max="11" width="16.26953125" style="4" customWidth="1"/>
    <col min="12" max="12" width="10.26953125" style="4" customWidth="1"/>
    <col min="13" max="13" width="8.6328125" style="4" customWidth="1"/>
    <col min="14" max="14" width="16.6328125" style="4" customWidth="1"/>
    <col min="15" max="15" width="8.6328125" style="4" customWidth="1"/>
    <col min="16" max="16" width="20.453125" style="4" customWidth="1"/>
    <col min="17" max="17" width="22.90625" style="4" customWidth="1"/>
    <col min="18" max="18" width="29.453125" style="4" customWidth="1"/>
    <col min="19" max="19" width="4.08984375" style="4" customWidth="1"/>
    <col min="20" max="20" width="5.08984375" style="4" customWidth="1"/>
    <col min="21" max="260" width="8.08984375" style="4"/>
    <col min="261" max="261" width="4" style="4" customWidth="1"/>
    <col min="262" max="262" width="4.08984375" style="4" customWidth="1"/>
    <col min="263" max="263" width="12.08984375" style="4" customWidth="1"/>
    <col min="264" max="264" width="17.08984375" style="4" customWidth="1"/>
    <col min="265" max="265" width="8.36328125" style="4" customWidth="1"/>
    <col min="266" max="266" width="13" style="4" customWidth="1"/>
    <col min="267" max="267" width="2.36328125" style="4" customWidth="1"/>
    <col min="268" max="268" width="23.08984375" style="4" customWidth="1"/>
    <col min="269" max="273" width="8.6328125" style="4" customWidth="1"/>
    <col min="274" max="274" width="22.08984375" style="4" customWidth="1"/>
    <col min="275" max="275" width="4.08984375" style="4" customWidth="1"/>
    <col min="276" max="276" width="5.08984375" style="4" customWidth="1"/>
    <col min="277" max="516" width="8.08984375" style="4"/>
    <col min="517" max="517" width="4" style="4" customWidth="1"/>
    <col min="518" max="518" width="4.08984375" style="4" customWidth="1"/>
    <col min="519" max="519" width="12.08984375" style="4" customWidth="1"/>
    <col min="520" max="520" width="17.08984375" style="4" customWidth="1"/>
    <col min="521" max="521" width="8.36328125" style="4" customWidth="1"/>
    <col min="522" max="522" width="13" style="4" customWidth="1"/>
    <col min="523" max="523" width="2.36328125" style="4" customWidth="1"/>
    <col min="524" max="524" width="23.08984375" style="4" customWidth="1"/>
    <col min="525" max="529" width="8.6328125" style="4" customWidth="1"/>
    <col min="530" max="530" width="22.08984375" style="4" customWidth="1"/>
    <col min="531" max="531" width="4.08984375" style="4" customWidth="1"/>
    <col min="532" max="532" width="5.08984375" style="4" customWidth="1"/>
    <col min="533" max="772" width="8.08984375" style="4"/>
    <col min="773" max="773" width="4" style="4" customWidth="1"/>
    <col min="774" max="774" width="4.08984375" style="4" customWidth="1"/>
    <col min="775" max="775" width="12.08984375" style="4" customWidth="1"/>
    <col min="776" max="776" width="17.08984375" style="4" customWidth="1"/>
    <col min="777" max="777" width="8.36328125" style="4" customWidth="1"/>
    <col min="778" max="778" width="13" style="4" customWidth="1"/>
    <col min="779" max="779" width="2.36328125" style="4" customWidth="1"/>
    <col min="780" max="780" width="23.08984375" style="4" customWidth="1"/>
    <col min="781" max="785" width="8.6328125" style="4" customWidth="1"/>
    <col min="786" max="786" width="22.08984375" style="4" customWidth="1"/>
    <col min="787" max="787" width="4.08984375" style="4" customWidth="1"/>
    <col min="788" max="788" width="5.08984375" style="4" customWidth="1"/>
    <col min="789" max="1028" width="8.08984375" style="4"/>
    <col min="1029" max="1029" width="4" style="4" customWidth="1"/>
    <col min="1030" max="1030" width="4.08984375" style="4" customWidth="1"/>
    <col min="1031" max="1031" width="12.08984375" style="4" customWidth="1"/>
    <col min="1032" max="1032" width="17.08984375" style="4" customWidth="1"/>
    <col min="1033" max="1033" width="8.36328125" style="4" customWidth="1"/>
    <col min="1034" max="1034" width="13" style="4" customWidth="1"/>
    <col min="1035" max="1035" width="2.36328125" style="4" customWidth="1"/>
    <col min="1036" max="1036" width="23.08984375" style="4" customWidth="1"/>
    <col min="1037" max="1041" width="8.6328125" style="4" customWidth="1"/>
    <col min="1042" max="1042" width="22.08984375" style="4" customWidth="1"/>
    <col min="1043" max="1043" width="4.08984375" style="4" customWidth="1"/>
    <col min="1044" max="1044" width="5.08984375" style="4" customWidth="1"/>
    <col min="1045" max="1284" width="8.08984375" style="4"/>
    <col min="1285" max="1285" width="4" style="4" customWidth="1"/>
    <col min="1286" max="1286" width="4.08984375" style="4" customWidth="1"/>
    <col min="1287" max="1287" width="12.08984375" style="4" customWidth="1"/>
    <col min="1288" max="1288" width="17.08984375" style="4" customWidth="1"/>
    <col min="1289" max="1289" width="8.36328125" style="4" customWidth="1"/>
    <col min="1290" max="1290" width="13" style="4" customWidth="1"/>
    <col min="1291" max="1291" width="2.36328125" style="4" customWidth="1"/>
    <col min="1292" max="1292" width="23.08984375" style="4" customWidth="1"/>
    <col min="1293" max="1297" width="8.6328125" style="4" customWidth="1"/>
    <col min="1298" max="1298" width="22.08984375" style="4" customWidth="1"/>
    <col min="1299" max="1299" width="4.08984375" style="4" customWidth="1"/>
    <col min="1300" max="1300" width="5.08984375" style="4" customWidth="1"/>
    <col min="1301" max="1540" width="8.08984375" style="4"/>
    <col min="1541" max="1541" width="4" style="4" customWidth="1"/>
    <col min="1542" max="1542" width="4.08984375" style="4" customWidth="1"/>
    <col min="1543" max="1543" width="12.08984375" style="4" customWidth="1"/>
    <col min="1544" max="1544" width="17.08984375" style="4" customWidth="1"/>
    <col min="1545" max="1545" width="8.36328125" style="4" customWidth="1"/>
    <col min="1546" max="1546" width="13" style="4" customWidth="1"/>
    <col min="1547" max="1547" width="2.36328125" style="4" customWidth="1"/>
    <col min="1548" max="1548" width="23.08984375" style="4" customWidth="1"/>
    <col min="1549" max="1553" width="8.6328125" style="4" customWidth="1"/>
    <col min="1554" max="1554" width="22.08984375" style="4" customWidth="1"/>
    <col min="1555" max="1555" width="4.08984375" style="4" customWidth="1"/>
    <col min="1556" max="1556" width="5.08984375" style="4" customWidth="1"/>
    <col min="1557" max="1796" width="8.08984375" style="4"/>
    <col min="1797" max="1797" width="4" style="4" customWidth="1"/>
    <col min="1798" max="1798" width="4.08984375" style="4" customWidth="1"/>
    <col min="1799" max="1799" width="12.08984375" style="4" customWidth="1"/>
    <col min="1800" max="1800" width="17.08984375" style="4" customWidth="1"/>
    <col min="1801" max="1801" width="8.36328125" style="4" customWidth="1"/>
    <col min="1802" max="1802" width="13" style="4" customWidth="1"/>
    <col min="1803" max="1803" width="2.36328125" style="4" customWidth="1"/>
    <col min="1804" max="1804" width="23.08984375" style="4" customWidth="1"/>
    <col min="1805" max="1809" width="8.6328125" style="4" customWidth="1"/>
    <col min="1810" max="1810" width="22.08984375" style="4" customWidth="1"/>
    <col min="1811" max="1811" width="4.08984375" style="4" customWidth="1"/>
    <col min="1812" max="1812" width="5.08984375" style="4" customWidth="1"/>
    <col min="1813" max="2052" width="8.08984375" style="4"/>
    <col min="2053" max="2053" width="4" style="4" customWidth="1"/>
    <col min="2054" max="2054" width="4.08984375" style="4" customWidth="1"/>
    <col min="2055" max="2055" width="12.08984375" style="4" customWidth="1"/>
    <col min="2056" max="2056" width="17.08984375" style="4" customWidth="1"/>
    <col min="2057" max="2057" width="8.36328125" style="4" customWidth="1"/>
    <col min="2058" max="2058" width="13" style="4" customWidth="1"/>
    <col min="2059" max="2059" width="2.36328125" style="4" customWidth="1"/>
    <col min="2060" max="2060" width="23.08984375" style="4" customWidth="1"/>
    <col min="2061" max="2065" width="8.6328125" style="4" customWidth="1"/>
    <col min="2066" max="2066" width="22.08984375" style="4" customWidth="1"/>
    <col min="2067" max="2067" width="4.08984375" style="4" customWidth="1"/>
    <col min="2068" max="2068" width="5.08984375" style="4" customWidth="1"/>
    <col min="2069" max="2308" width="8.08984375" style="4"/>
    <col min="2309" max="2309" width="4" style="4" customWidth="1"/>
    <col min="2310" max="2310" width="4.08984375" style="4" customWidth="1"/>
    <col min="2311" max="2311" width="12.08984375" style="4" customWidth="1"/>
    <col min="2312" max="2312" width="17.08984375" style="4" customWidth="1"/>
    <col min="2313" max="2313" width="8.36328125" style="4" customWidth="1"/>
    <col min="2314" max="2314" width="13" style="4" customWidth="1"/>
    <col min="2315" max="2315" width="2.36328125" style="4" customWidth="1"/>
    <col min="2316" max="2316" width="23.08984375" style="4" customWidth="1"/>
    <col min="2317" max="2321" width="8.6328125" style="4" customWidth="1"/>
    <col min="2322" max="2322" width="22.08984375" style="4" customWidth="1"/>
    <col min="2323" max="2323" width="4.08984375" style="4" customWidth="1"/>
    <col min="2324" max="2324" width="5.08984375" style="4" customWidth="1"/>
    <col min="2325" max="2564" width="8.08984375" style="4"/>
    <col min="2565" max="2565" width="4" style="4" customWidth="1"/>
    <col min="2566" max="2566" width="4.08984375" style="4" customWidth="1"/>
    <col min="2567" max="2567" width="12.08984375" style="4" customWidth="1"/>
    <col min="2568" max="2568" width="17.08984375" style="4" customWidth="1"/>
    <col min="2569" max="2569" width="8.36328125" style="4" customWidth="1"/>
    <col min="2570" max="2570" width="13" style="4" customWidth="1"/>
    <col min="2571" max="2571" width="2.36328125" style="4" customWidth="1"/>
    <col min="2572" max="2572" width="23.08984375" style="4" customWidth="1"/>
    <col min="2573" max="2577" width="8.6328125" style="4" customWidth="1"/>
    <col min="2578" max="2578" width="22.08984375" style="4" customWidth="1"/>
    <col min="2579" max="2579" width="4.08984375" style="4" customWidth="1"/>
    <col min="2580" max="2580" width="5.08984375" style="4" customWidth="1"/>
    <col min="2581" max="2820" width="8.08984375" style="4"/>
    <col min="2821" max="2821" width="4" style="4" customWidth="1"/>
    <col min="2822" max="2822" width="4.08984375" style="4" customWidth="1"/>
    <col min="2823" max="2823" width="12.08984375" style="4" customWidth="1"/>
    <col min="2824" max="2824" width="17.08984375" style="4" customWidth="1"/>
    <col min="2825" max="2825" width="8.36328125" style="4" customWidth="1"/>
    <col min="2826" max="2826" width="13" style="4" customWidth="1"/>
    <col min="2827" max="2827" width="2.36328125" style="4" customWidth="1"/>
    <col min="2828" max="2828" width="23.08984375" style="4" customWidth="1"/>
    <col min="2829" max="2833" width="8.6328125" style="4" customWidth="1"/>
    <col min="2834" max="2834" width="22.08984375" style="4" customWidth="1"/>
    <col min="2835" max="2835" width="4.08984375" style="4" customWidth="1"/>
    <col min="2836" max="2836" width="5.08984375" style="4" customWidth="1"/>
    <col min="2837" max="3076" width="8.08984375" style="4"/>
    <col min="3077" max="3077" width="4" style="4" customWidth="1"/>
    <col min="3078" max="3078" width="4.08984375" style="4" customWidth="1"/>
    <col min="3079" max="3079" width="12.08984375" style="4" customWidth="1"/>
    <col min="3080" max="3080" width="17.08984375" style="4" customWidth="1"/>
    <col min="3081" max="3081" width="8.36328125" style="4" customWidth="1"/>
    <col min="3082" max="3082" width="13" style="4" customWidth="1"/>
    <col min="3083" max="3083" width="2.36328125" style="4" customWidth="1"/>
    <col min="3084" max="3084" width="23.08984375" style="4" customWidth="1"/>
    <col min="3085" max="3089" width="8.6328125" style="4" customWidth="1"/>
    <col min="3090" max="3090" width="22.08984375" style="4" customWidth="1"/>
    <col min="3091" max="3091" width="4.08984375" style="4" customWidth="1"/>
    <col min="3092" max="3092" width="5.08984375" style="4" customWidth="1"/>
    <col min="3093" max="3332" width="8.08984375" style="4"/>
    <col min="3333" max="3333" width="4" style="4" customWidth="1"/>
    <col min="3334" max="3334" width="4.08984375" style="4" customWidth="1"/>
    <col min="3335" max="3335" width="12.08984375" style="4" customWidth="1"/>
    <col min="3336" max="3336" width="17.08984375" style="4" customWidth="1"/>
    <col min="3337" max="3337" width="8.36328125" style="4" customWidth="1"/>
    <col min="3338" max="3338" width="13" style="4" customWidth="1"/>
    <col min="3339" max="3339" width="2.36328125" style="4" customWidth="1"/>
    <col min="3340" max="3340" width="23.08984375" style="4" customWidth="1"/>
    <col min="3341" max="3345" width="8.6328125" style="4" customWidth="1"/>
    <col min="3346" max="3346" width="22.08984375" style="4" customWidth="1"/>
    <col min="3347" max="3347" width="4.08984375" style="4" customWidth="1"/>
    <col min="3348" max="3348" width="5.08984375" style="4" customWidth="1"/>
    <col min="3349" max="3588" width="8.08984375" style="4"/>
    <col min="3589" max="3589" width="4" style="4" customWidth="1"/>
    <col min="3590" max="3590" width="4.08984375" style="4" customWidth="1"/>
    <col min="3591" max="3591" width="12.08984375" style="4" customWidth="1"/>
    <col min="3592" max="3592" width="17.08984375" style="4" customWidth="1"/>
    <col min="3593" max="3593" width="8.36328125" style="4" customWidth="1"/>
    <col min="3594" max="3594" width="13" style="4" customWidth="1"/>
    <col min="3595" max="3595" width="2.36328125" style="4" customWidth="1"/>
    <col min="3596" max="3596" width="23.08984375" style="4" customWidth="1"/>
    <col min="3597" max="3601" width="8.6328125" style="4" customWidth="1"/>
    <col min="3602" max="3602" width="22.08984375" style="4" customWidth="1"/>
    <col min="3603" max="3603" width="4.08984375" style="4" customWidth="1"/>
    <col min="3604" max="3604" width="5.08984375" style="4" customWidth="1"/>
    <col min="3605" max="3844" width="8.08984375" style="4"/>
    <col min="3845" max="3845" width="4" style="4" customWidth="1"/>
    <col min="3846" max="3846" width="4.08984375" style="4" customWidth="1"/>
    <col min="3847" max="3847" width="12.08984375" style="4" customWidth="1"/>
    <col min="3848" max="3848" width="17.08984375" style="4" customWidth="1"/>
    <col min="3849" max="3849" width="8.36328125" style="4" customWidth="1"/>
    <col min="3850" max="3850" width="13" style="4" customWidth="1"/>
    <col min="3851" max="3851" width="2.36328125" style="4" customWidth="1"/>
    <col min="3852" max="3852" width="23.08984375" style="4" customWidth="1"/>
    <col min="3853" max="3857" width="8.6328125" style="4" customWidth="1"/>
    <col min="3858" max="3858" width="22.08984375" style="4" customWidth="1"/>
    <col min="3859" max="3859" width="4.08984375" style="4" customWidth="1"/>
    <col min="3860" max="3860" width="5.08984375" style="4" customWidth="1"/>
    <col min="3861" max="4100" width="8.08984375" style="4"/>
    <col min="4101" max="4101" width="4" style="4" customWidth="1"/>
    <col min="4102" max="4102" width="4.08984375" style="4" customWidth="1"/>
    <col min="4103" max="4103" width="12.08984375" style="4" customWidth="1"/>
    <col min="4104" max="4104" width="17.08984375" style="4" customWidth="1"/>
    <col min="4105" max="4105" width="8.36328125" style="4" customWidth="1"/>
    <col min="4106" max="4106" width="13" style="4" customWidth="1"/>
    <col min="4107" max="4107" width="2.36328125" style="4" customWidth="1"/>
    <col min="4108" max="4108" width="23.08984375" style="4" customWidth="1"/>
    <col min="4109" max="4113" width="8.6328125" style="4" customWidth="1"/>
    <col min="4114" max="4114" width="22.08984375" style="4" customWidth="1"/>
    <col min="4115" max="4115" width="4.08984375" style="4" customWidth="1"/>
    <col min="4116" max="4116" width="5.08984375" style="4" customWidth="1"/>
    <col min="4117" max="4356" width="8.08984375" style="4"/>
    <col min="4357" max="4357" width="4" style="4" customWidth="1"/>
    <col min="4358" max="4358" width="4.08984375" style="4" customWidth="1"/>
    <col min="4359" max="4359" width="12.08984375" style="4" customWidth="1"/>
    <col min="4360" max="4360" width="17.08984375" style="4" customWidth="1"/>
    <col min="4361" max="4361" width="8.36328125" style="4" customWidth="1"/>
    <col min="4362" max="4362" width="13" style="4" customWidth="1"/>
    <col min="4363" max="4363" width="2.36328125" style="4" customWidth="1"/>
    <col min="4364" max="4364" width="23.08984375" style="4" customWidth="1"/>
    <col min="4365" max="4369" width="8.6328125" style="4" customWidth="1"/>
    <col min="4370" max="4370" width="22.08984375" style="4" customWidth="1"/>
    <col min="4371" max="4371" width="4.08984375" style="4" customWidth="1"/>
    <col min="4372" max="4372" width="5.08984375" style="4" customWidth="1"/>
    <col min="4373" max="4612" width="8.08984375" style="4"/>
    <col min="4613" max="4613" width="4" style="4" customWidth="1"/>
    <col min="4614" max="4614" width="4.08984375" style="4" customWidth="1"/>
    <col min="4615" max="4615" width="12.08984375" style="4" customWidth="1"/>
    <col min="4616" max="4616" width="17.08984375" style="4" customWidth="1"/>
    <col min="4617" max="4617" width="8.36328125" style="4" customWidth="1"/>
    <col min="4618" max="4618" width="13" style="4" customWidth="1"/>
    <col min="4619" max="4619" width="2.36328125" style="4" customWidth="1"/>
    <col min="4620" max="4620" width="23.08984375" style="4" customWidth="1"/>
    <col min="4621" max="4625" width="8.6328125" style="4" customWidth="1"/>
    <col min="4626" max="4626" width="22.08984375" style="4" customWidth="1"/>
    <col min="4627" max="4627" width="4.08984375" style="4" customWidth="1"/>
    <col min="4628" max="4628" width="5.08984375" style="4" customWidth="1"/>
    <col min="4629" max="4868" width="8.08984375" style="4"/>
    <col min="4869" max="4869" width="4" style="4" customWidth="1"/>
    <col min="4870" max="4870" width="4.08984375" style="4" customWidth="1"/>
    <col min="4871" max="4871" width="12.08984375" style="4" customWidth="1"/>
    <col min="4872" max="4872" width="17.08984375" style="4" customWidth="1"/>
    <col min="4873" max="4873" width="8.36328125" style="4" customWidth="1"/>
    <col min="4874" max="4874" width="13" style="4" customWidth="1"/>
    <col min="4875" max="4875" width="2.36328125" style="4" customWidth="1"/>
    <col min="4876" max="4876" width="23.08984375" style="4" customWidth="1"/>
    <col min="4877" max="4881" width="8.6328125" style="4" customWidth="1"/>
    <col min="4882" max="4882" width="22.08984375" style="4" customWidth="1"/>
    <col min="4883" max="4883" width="4.08984375" style="4" customWidth="1"/>
    <col min="4884" max="4884" width="5.08984375" style="4" customWidth="1"/>
    <col min="4885" max="5124" width="8.08984375" style="4"/>
    <col min="5125" max="5125" width="4" style="4" customWidth="1"/>
    <col min="5126" max="5126" width="4.08984375" style="4" customWidth="1"/>
    <col min="5127" max="5127" width="12.08984375" style="4" customWidth="1"/>
    <col min="5128" max="5128" width="17.08984375" style="4" customWidth="1"/>
    <col min="5129" max="5129" width="8.36328125" style="4" customWidth="1"/>
    <col min="5130" max="5130" width="13" style="4" customWidth="1"/>
    <col min="5131" max="5131" width="2.36328125" style="4" customWidth="1"/>
    <col min="5132" max="5132" width="23.08984375" style="4" customWidth="1"/>
    <col min="5133" max="5137" width="8.6328125" style="4" customWidth="1"/>
    <col min="5138" max="5138" width="22.08984375" style="4" customWidth="1"/>
    <col min="5139" max="5139" width="4.08984375" style="4" customWidth="1"/>
    <col min="5140" max="5140" width="5.08984375" style="4" customWidth="1"/>
    <col min="5141" max="5380" width="8.08984375" style="4"/>
    <col min="5381" max="5381" width="4" style="4" customWidth="1"/>
    <col min="5382" max="5382" width="4.08984375" style="4" customWidth="1"/>
    <col min="5383" max="5383" width="12.08984375" style="4" customWidth="1"/>
    <col min="5384" max="5384" width="17.08984375" style="4" customWidth="1"/>
    <col min="5385" max="5385" width="8.36328125" style="4" customWidth="1"/>
    <col min="5386" max="5386" width="13" style="4" customWidth="1"/>
    <col min="5387" max="5387" width="2.36328125" style="4" customWidth="1"/>
    <col min="5388" max="5388" width="23.08984375" style="4" customWidth="1"/>
    <col min="5389" max="5393" width="8.6328125" style="4" customWidth="1"/>
    <col min="5394" max="5394" width="22.08984375" style="4" customWidth="1"/>
    <col min="5395" max="5395" width="4.08984375" style="4" customWidth="1"/>
    <col min="5396" max="5396" width="5.08984375" style="4" customWidth="1"/>
    <col min="5397" max="5636" width="8.08984375" style="4"/>
    <col min="5637" max="5637" width="4" style="4" customWidth="1"/>
    <col min="5638" max="5638" width="4.08984375" style="4" customWidth="1"/>
    <col min="5639" max="5639" width="12.08984375" style="4" customWidth="1"/>
    <col min="5640" max="5640" width="17.08984375" style="4" customWidth="1"/>
    <col min="5641" max="5641" width="8.36328125" style="4" customWidth="1"/>
    <col min="5642" max="5642" width="13" style="4" customWidth="1"/>
    <col min="5643" max="5643" width="2.36328125" style="4" customWidth="1"/>
    <col min="5644" max="5644" width="23.08984375" style="4" customWidth="1"/>
    <col min="5645" max="5649" width="8.6328125" style="4" customWidth="1"/>
    <col min="5650" max="5650" width="22.08984375" style="4" customWidth="1"/>
    <col min="5651" max="5651" width="4.08984375" style="4" customWidth="1"/>
    <col min="5652" max="5652" width="5.08984375" style="4" customWidth="1"/>
    <col min="5653" max="5892" width="8.08984375" style="4"/>
    <col min="5893" max="5893" width="4" style="4" customWidth="1"/>
    <col min="5894" max="5894" width="4.08984375" style="4" customWidth="1"/>
    <col min="5895" max="5895" width="12.08984375" style="4" customWidth="1"/>
    <col min="5896" max="5896" width="17.08984375" style="4" customWidth="1"/>
    <col min="5897" max="5897" width="8.36328125" style="4" customWidth="1"/>
    <col min="5898" max="5898" width="13" style="4" customWidth="1"/>
    <col min="5899" max="5899" width="2.36328125" style="4" customWidth="1"/>
    <col min="5900" max="5900" width="23.08984375" style="4" customWidth="1"/>
    <col min="5901" max="5905" width="8.6328125" style="4" customWidth="1"/>
    <col min="5906" max="5906" width="22.08984375" style="4" customWidth="1"/>
    <col min="5907" max="5907" width="4.08984375" style="4" customWidth="1"/>
    <col min="5908" max="5908" width="5.08984375" style="4" customWidth="1"/>
    <col min="5909" max="6148" width="8.08984375" style="4"/>
    <col min="6149" max="6149" width="4" style="4" customWidth="1"/>
    <col min="6150" max="6150" width="4.08984375" style="4" customWidth="1"/>
    <col min="6151" max="6151" width="12.08984375" style="4" customWidth="1"/>
    <col min="6152" max="6152" width="17.08984375" style="4" customWidth="1"/>
    <col min="6153" max="6153" width="8.36328125" style="4" customWidth="1"/>
    <col min="6154" max="6154" width="13" style="4" customWidth="1"/>
    <col min="6155" max="6155" width="2.36328125" style="4" customWidth="1"/>
    <col min="6156" max="6156" width="23.08984375" style="4" customWidth="1"/>
    <col min="6157" max="6161" width="8.6328125" style="4" customWidth="1"/>
    <col min="6162" max="6162" width="22.08984375" style="4" customWidth="1"/>
    <col min="6163" max="6163" width="4.08984375" style="4" customWidth="1"/>
    <col min="6164" max="6164" width="5.08984375" style="4" customWidth="1"/>
    <col min="6165" max="6404" width="8.08984375" style="4"/>
    <col min="6405" max="6405" width="4" style="4" customWidth="1"/>
    <col min="6406" max="6406" width="4.08984375" style="4" customWidth="1"/>
    <col min="6407" max="6407" width="12.08984375" style="4" customWidth="1"/>
    <col min="6408" max="6408" width="17.08984375" style="4" customWidth="1"/>
    <col min="6409" max="6409" width="8.36328125" style="4" customWidth="1"/>
    <col min="6410" max="6410" width="13" style="4" customWidth="1"/>
    <col min="6411" max="6411" width="2.36328125" style="4" customWidth="1"/>
    <col min="6412" max="6412" width="23.08984375" style="4" customWidth="1"/>
    <col min="6413" max="6417" width="8.6328125" style="4" customWidth="1"/>
    <col min="6418" max="6418" width="22.08984375" style="4" customWidth="1"/>
    <col min="6419" max="6419" width="4.08984375" style="4" customWidth="1"/>
    <col min="6420" max="6420" width="5.08984375" style="4" customWidth="1"/>
    <col min="6421" max="6660" width="8.08984375" style="4"/>
    <col min="6661" max="6661" width="4" style="4" customWidth="1"/>
    <col min="6662" max="6662" width="4.08984375" style="4" customWidth="1"/>
    <col min="6663" max="6663" width="12.08984375" style="4" customWidth="1"/>
    <col min="6664" max="6664" width="17.08984375" style="4" customWidth="1"/>
    <col min="6665" max="6665" width="8.36328125" style="4" customWidth="1"/>
    <col min="6666" max="6666" width="13" style="4" customWidth="1"/>
    <col min="6667" max="6667" width="2.36328125" style="4" customWidth="1"/>
    <col min="6668" max="6668" width="23.08984375" style="4" customWidth="1"/>
    <col min="6669" max="6673" width="8.6328125" style="4" customWidth="1"/>
    <col min="6674" max="6674" width="22.08984375" style="4" customWidth="1"/>
    <col min="6675" max="6675" width="4.08984375" style="4" customWidth="1"/>
    <col min="6676" max="6676" width="5.08984375" style="4" customWidth="1"/>
    <col min="6677" max="6916" width="8.08984375" style="4"/>
    <col min="6917" max="6917" width="4" style="4" customWidth="1"/>
    <col min="6918" max="6918" width="4.08984375" style="4" customWidth="1"/>
    <col min="6919" max="6919" width="12.08984375" style="4" customWidth="1"/>
    <col min="6920" max="6920" width="17.08984375" style="4" customWidth="1"/>
    <col min="6921" max="6921" width="8.36328125" style="4" customWidth="1"/>
    <col min="6922" max="6922" width="13" style="4" customWidth="1"/>
    <col min="6923" max="6923" width="2.36328125" style="4" customWidth="1"/>
    <col min="6924" max="6924" width="23.08984375" style="4" customWidth="1"/>
    <col min="6925" max="6929" width="8.6328125" style="4" customWidth="1"/>
    <col min="6930" max="6930" width="22.08984375" style="4" customWidth="1"/>
    <col min="6931" max="6931" width="4.08984375" style="4" customWidth="1"/>
    <col min="6932" max="6932" width="5.08984375" style="4" customWidth="1"/>
    <col min="6933" max="7172" width="8.08984375" style="4"/>
    <col min="7173" max="7173" width="4" style="4" customWidth="1"/>
    <col min="7174" max="7174" width="4.08984375" style="4" customWidth="1"/>
    <col min="7175" max="7175" width="12.08984375" style="4" customWidth="1"/>
    <col min="7176" max="7176" width="17.08984375" style="4" customWidth="1"/>
    <col min="7177" max="7177" width="8.36328125" style="4" customWidth="1"/>
    <col min="7178" max="7178" width="13" style="4" customWidth="1"/>
    <col min="7179" max="7179" width="2.36328125" style="4" customWidth="1"/>
    <col min="7180" max="7180" width="23.08984375" style="4" customWidth="1"/>
    <col min="7181" max="7185" width="8.6328125" style="4" customWidth="1"/>
    <col min="7186" max="7186" width="22.08984375" style="4" customWidth="1"/>
    <col min="7187" max="7187" width="4.08984375" style="4" customWidth="1"/>
    <col min="7188" max="7188" width="5.08984375" style="4" customWidth="1"/>
    <col min="7189" max="7428" width="8.08984375" style="4"/>
    <col min="7429" max="7429" width="4" style="4" customWidth="1"/>
    <col min="7430" max="7430" width="4.08984375" style="4" customWidth="1"/>
    <col min="7431" max="7431" width="12.08984375" style="4" customWidth="1"/>
    <col min="7432" max="7432" width="17.08984375" style="4" customWidth="1"/>
    <col min="7433" max="7433" width="8.36328125" style="4" customWidth="1"/>
    <col min="7434" max="7434" width="13" style="4" customWidth="1"/>
    <col min="7435" max="7435" width="2.36328125" style="4" customWidth="1"/>
    <col min="7436" max="7436" width="23.08984375" style="4" customWidth="1"/>
    <col min="7437" max="7441" width="8.6328125" style="4" customWidth="1"/>
    <col min="7442" max="7442" width="22.08984375" style="4" customWidth="1"/>
    <col min="7443" max="7443" width="4.08984375" style="4" customWidth="1"/>
    <col min="7444" max="7444" width="5.08984375" style="4" customWidth="1"/>
    <col min="7445" max="7684" width="8.08984375" style="4"/>
    <col min="7685" max="7685" width="4" style="4" customWidth="1"/>
    <col min="7686" max="7686" width="4.08984375" style="4" customWidth="1"/>
    <col min="7687" max="7687" width="12.08984375" style="4" customWidth="1"/>
    <col min="7688" max="7688" width="17.08984375" style="4" customWidth="1"/>
    <col min="7689" max="7689" width="8.36328125" style="4" customWidth="1"/>
    <col min="7690" max="7690" width="13" style="4" customWidth="1"/>
    <col min="7691" max="7691" width="2.36328125" style="4" customWidth="1"/>
    <col min="7692" max="7692" width="23.08984375" style="4" customWidth="1"/>
    <col min="7693" max="7697" width="8.6328125" style="4" customWidth="1"/>
    <col min="7698" max="7698" width="22.08984375" style="4" customWidth="1"/>
    <col min="7699" max="7699" width="4.08984375" style="4" customWidth="1"/>
    <col min="7700" max="7700" width="5.08984375" style="4" customWidth="1"/>
    <col min="7701" max="7940" width="8.08984375" style="4"/>
    <col min="7941" max="7941" width="4" style="4" customWidth="1"/>
    <col min="7942" max="7942" width="4.08984375" style="4" customWidth="1"/>
    <col min="7943" max="7943" width="12.08984375" style="4" customWidth="1"/>
    <col min="7944" max="7944" width="17.08984375" style="4" customWidth="1"/>
    <col min="7945" max="7945" width="8.36328125" style="4" customWidth="1"/>
    <col min="7946" max="7946" width="13" style="4" customWidth="1"/>
    <col min="7947" max="7947" width="2.36328125" style="4" customWidth="1"/>
    <col min="7948" max="7948" width="23.08984375" style="4" customWidth="1"/>
    <col min="7949" max="7953" width="8.6328125" style="4" customWidth="1"/>
    <col min="7954" max="7954" width="22.08984375" style="4" customWidth="1"/>
    <col min="7955" max="7955" width="4.08984375" style="4" customWidth="1"/>
    <col min="7956" max="7956" width="5.08984375" style="4" customWidth="1"/>
    <col min="7957" max="8196" width="8.08984375" style="4"/>
    <col min="8197" max="8197" width="4" style="4" customWidth="1"/>
    <col min="8198" max="8198" width="4.08984375" style="4" customWidth="1"/>
    <col min="8199" max="8199" width="12.08984375" style="4" customWidth="1"/>
    <col min="8200" max="8200" width="17.08984375" style="4" customWidth="1"/>
    <col min="8201" max="8201" width="8.36328125" style="4" customWidth="1"/>
    <col min="8202" max="8202" width="13" style="4" customWidth="1"/>
    <col min="8203" max="8203" width="2.36328125" style="4" customWidth="1"/>
    <col min="8204" max="8204" width="23.08984375" style="4" customWidth="1"/>
    <col min="8205" max="8209" width="8.6328125" style="4" customWidth="1"/>
    <col min="8210" max="8210" width="22.08984375" style="4" customWidth="1"/>
    <col min="8211" max="8211" width="4.08984375" style="4" customWidth="1"/>
    <col min="8212" max="8212" width="5.08984375" style="4" customWidth="1"/>
    <col min="8213" max="8452" width="8.08984375" style="4"/>
    <col min="8453" max="8453" width="4" style="4" customWidth="1"/>
    <col min="8454" max="8454" width="4.08984375" style="4" customWidth="1"/>
    <col min="8455" max="8455" width="12.08984375" style="4" customWidth="1"/>
    <col min="8456" max="8456" width="17.08984375" style="4" customWidth="1"/>
    <col min="8457" max="8457" width="8.36328125" style="4" customWidth="1"/>
    <col min="8458" max="8458" width="13" style="4" customWidth="1"/>
    <col min="8459" max="8459" width="2.36328125" style="4" customWidth="1"/>
    <col min="8460" max="8460" width="23.08984375" style="4" customWidth="1"/>
    <col min="8461" max="8465" width="8.6328125" style="4" customWidth="1"/>
    <col min="8466" max="8466" width="22.08984375" style="4" customWidth="1"/>
    <col min="8467" max="8467" width="4.08984375" style="4" customWidth="1"/>
    <col min="8468" max="8468" width="5.08984375" style="4" customWidth="1"/>
    <col min="8469" max="8708" width="8.08984375" style="4"/>
    <col min="8709" max="8709" width="4" style="4" customWidth="1"/>
    <col min="8710" max="8710" width="4.08984375" style="4" customWidth="1"/>
    <col min="8711" max="8711" width="12.08984375" style="4" customWidth="1"/>
    <col min="8712" max="8712" width="17.08984375" style="4" customWidth="1"/>
    <col min="8713" max="8713" width="8.36328125" style="4" customWidth="1"/>
    <col min="8714" max="8714" width="13" style="4" customWidth="1"/>
    <col min="8715" max="8715" width="2.36328125" style="4" customWidth="1"/>
    <col min="8716" max="8716" width="23.08984375" style="4" customWidth="1"/>
    <col min="8717" max="8721" width="8.6328125" style="4" customWidth="1"/>
    <col min="8722" max="8722" width="22.08984375" style="4" customWidth="1"/>
    <col min="8723" max="8723" width="4.08984375" style="4" customWidth="1"/>
    <col min="8724" max="8724" width="5.08984375" style="4" customWidth="1"/>
    <col min="8725" max="8964" width="8.08984375" style="4"/>
    <col min="8965" max="8965" width="4" style="4" customWidth="1"/>
    <col min="8966" max="8966" width="4.08984375" style="4" customWidth="1"/>
    <col min="8967" max="8967" width="12.08984375" style="4" customWidth="1"/>
    <col min="8968" max="8968" width="17.08984375" style="4" customWidth="1"/>
    <col min="8969" max="8969" width="8.36328125" style="4" customWidth="1"/>
    <col min="8970" max="8970" width="13" style="4" customWidth="1"/>
    <col min="8971" max="8971" width="2.36328125" style="4" customWidth="1"/>
    <col min="8972" max="8972" width="23.08984375" style="4" customWidth="1"/>
    <col min="8973" max="8977" width="8.6328125" style="4" customWidth="1"/>
    <col min="8978" max="8978" width="22.08984375" style="4" customWidth="1"/>
    <col min="8979" max="8979" width="4.08984375" style="4" customWidth="1"/>
    <col min="8980" max="8980" width="5.08984375" style="4" customWidth="1"/>
    <col min="8981" max="9220" width="8.08984375" style="4"/>
    <col min="9221" max="9221" width="4" style="4" customWidth="1"/>
    <col min="9222" max="9222" width="4.08984375" style="4" customWidth="1"/>
    <col min="9223" max="9223" width="12.08984375" style="4" customWidth="1"/>
    <col min="9224" max="9224" width="17.08984375" style="4" customWidth="1"/>
    <col min="9225" max="9225" width="8.36328125" style="4" customWidth="1"/>
    <col min="9226" max="9226" width="13" style="4" customWidth="1"/>
    <col min="9227" max="9227" width="2.36328125" style="4" customWidth="1"/>
    <col min="9228" max="9228" width="23.08984375" style="4" customWidth="1"/>
    <col min="9229" max="9233" width="8.6328125" style="4" customWidth="1"/>
    <col min="9234" max="9234" width="22.08984375" style="4" customWidth="1"/>
    <col min="9235" max="9235" width="4.08984375" style="4" customWidth="1"/>
    <col min="9236" max="9236" width="5.08984375" style="4" customWidth="1"/>
    <col min="9237" max="9476" width="8.08984375" style="4"/>
    <col min="9477" max="9477" width="4" style="4" customWidth="1"/>
    <col min="9478" max="9478" width="4.08984375" style="4" customWidth="1"/>
    <col min="9479" max="9479" width="12.08984375" style="4" customWidth="1"/>
    <col min="9480" max="9480" width="17.08984375" style="4" customWidth="1"/>
    <col min="9481" max="9481" width="8.36328125" style="4" customWidth="1"/>
    <col min="9482" max="9482" width="13" style="4" customWidth="1"/>
    <col min="9483" max="9483" width="2.36328125" style="4" customWidth="1"/>
    <col min="9484" max="9484" width="23.08984375" style="4" customWidth="1"/>
    <col min="9485" max="9489" width="8.6328125" style="4" customWidth="1"/>
    <col min="9490" max="9490" width="22.08984375" style="4" customWidth="1"/>
    <col min="9491" max="9491" width="4.08984375" style="4" customWidth="1"/>
    <col min="9492" max="9492" width="5.08984375" style="4" customWidth="1"/>
    <col min="9493" max="9732" width="8.08984375" style="4"/>
    <col min="9733" max="9733" width="4" style="4" customWidth="1"/>
    <col min="9734" max="9734" width="4.08984375" style="4" customWidth="1"/>
    <col min="9735" max="9735" width="12.08984375" style="4" customWidth="1"/>
    <col min="9736" max="9736" width="17.08984375" style="4" customWidth="1"/>
    <col min="9737" max="9737" width="8.36328125" style="4" customWidth="1"/>
    <col min="9738" max="9738" width="13" style="4" customWidth="1"/>
    <col min="9739" max="9739" width="2.36328125" style="4" customWidth="1"/>
    <col min="9740" max="9740" width="23.08984375" style="4" customWidth="1"/>
    <col min="9741" max="9745" width="8.6328125" style="4" customWidth="1"/>
    <col min="9746" max="9746" width="22.08984375" style="4" customWidth="1"/>
    <col min="9747" max="9747" width="4.08984375" style="4" customWidth="1"/>
    <col min="9748" max="9748" width="5.08984375" style="4" customWidth="1"/>
    <col min="9749" max="9988" width="8.08984375" style="4"/>
    <col min="9989" max="9989" width="4" style="4" customWidth="1"/>
    <col min="9990" max="9990" width="4.08984375" style="4" customWidth="1"/>
    <col min="9991" max="9991" width="12.08984375" style="4" customWidth="1"/>
    <col min="9992" max="9992" width="17.08984375" style="4" customWidth="1"/>
    <col min="9993" max="9993" width="8.36328125" style="4" customWidth="1"/>
    <col min="9994" max="9994" width="13" style="4" customWidth="1"/>
    <col min="9995" max="9995" width="2.36328125" style="4" customWidth="1"/>
    <col min="9996" max="9996" width="23.08984375" style="4" customWidth="1"/>
    <col min="9997" max="10001" width="8.6328125" style="4" customWidth="1"/>
    <col min="10002" max="10002" width="22.08984375" style="4" customWidth="1"/>
    <col min="10003" max="10003" width="4.08984375" style="4" customWidth="1"/>
    <col min="10004" max="10004" width="5.08984375" style="4" customWidth="1"/>
    <col min="10005" max="10244" width="8.08984375" style="4"/>
    <col min="10245" max="10245" width="4" style="4" customWidth="1"/>
    <col min="10246" max="10246" width="4.08984375" style="4" customWidth="1"/>
    <col min="10247" max="10247" width="12.08984375" style="4" customWidth="1"/>
    <col min="10248" max="10248" width="17.08984375" style="4" customWidth="1"/>
    <col min="10249" max="10249" width="8.36328125" style="4" customWidth="1"/>
    <col min="10250" max="10250" width="13" style="4" customWidth="1"/>
    <col min="10251" max="10251" width="2.36328125" style="4" customWidth="1"/>
    <col min="10252" max="10252" width="23.08984375" style="4" customWidth="1"/>
    <col min="10253" max="10257" width="8.6328125" style="4" customWidth="1"/>
    <col min="10258" max="10258" width="22.08984375" style="4" customWidth="1"/>
    <col min="10259" max="10259" width="4.08984375" style="4" customWidth="1"/>
    <col min="10260" max="10260" width="5.08984375" style="4" customWidth="1"/>
    <col min="10261" max="10500" width="8.08984375" style="4"/>
    <col min="10501" max="10501" width="4" style="4" customWidth="1"/>
    <col min="10502" max="10502" width="4.08984375" style="4" customWidth="1"/>
    <col min="10503" max="10503" width="12.08984375" style="4" customWidth="1"/>
    <col min="10504" max="10504" width="17.08984375" style="4" customWidth="1"/>
    <col min="10505" max="10505" width="8.36328125" style="4" customWidth="1"/>
    <col min="10506" max="10506" width="13" style="4" customWidth="1"/>
    <col min="10507" max="10507" width="2.36328125" style="4" customWidth="1"/>
    <col min="10508" max="10508" width="23.08984375" style="4" customWidth="1"/>
    <col min="10509" max="10513" width="8.6328125" style="4" customWidth="1"/>
    <col min="10514" max="10514" width="22.08984375" style="4" customWidth="1"/>
    <col min="10515" max="10515" width="4.08984375" style="4" customWidth="1"/>
    <col min="10516" max="10516" width="5.08984375" style="4" customWidth="1"/>
    <col min="10517" max="10756" width="8.08984375" style="4"/>
    <col min="10757" max="10757" width="4" style="4" customWidth="1"/>
    <col min="10758" max="10758" width="4.08984375" style="4" customWidth="1"/>
    <col min="10759" max="10759" width="12.08984375" style="4" customWidth="1"/>
    <col min="10760" max="10760" width="17.08984375" style="4" customWidth="1"/>
    <col min="10761" max="10761" width="8.36328125" style="4" customWidth="1"/>
    <col min="10762" max="10762" width="13" style="4" customWidth="1"/>
    <col min="10763" max="10763" width="2.36328125" style="4" customWidth="1"/>
    <col min="10764" max="10764" width="23.08984375" style="4" customWidth="1"/>
    <col min="10765" max="10769" width="8.6328125" style="4" customWidth="1"/>
    <col min="10770" max="10770" width="22.08984375" style="4" customWidth="1"/>
    <col min="10771" max="10771" width="4.08984375" style="4" customWidth="1"/>
    <col min="10772" max="10772" width="5.08984375" style="4" customWidth="1"/>
    <col min="10773" max="11012" width="8.08984375" style="4"/>
    <col min="11013" max="11013" width="4" style="4" customWidth="1"/>
    <col min="11014" max="11014" width="4.08984375" style="4" customWidth="1"/>
    <col min="11015" max="11015" width="12.08984375" style="4" customWidth="1"/>
    <col min="11016" max="11016" width="17.08984375" style="4" customWidth="1"/>
    <col min="11017" max="11017" width="8.36328125" style="4" customWidth="1"/>
    <col min="11018" max="11018" width="13" style="4" customWidth="1"/>
    <col min="11019" max="11019" width="2.36328125" style="4" customWidth="1"/>
    <col min="11020" max="11020" width="23.08984375" style="4" customWidth="1"/>
    <col min="11021" max="11025" width="8.6328125" style="4" customWidth="1"/>
    <col min="11026" max="11026" width="22.08984375" style="4" customWidth="1"/>
    <col min="11027" max="11027" width="4.08984375" style="4" customWidth="1"/>
    <col min="11028" max="11028" width="5.08984375" style="4" customWidth="1"/>
    <col min="11029" max="11268" width="8.08984375" style="4"/>
    <col min="11269" max="11269" width="4" style="4" customWidth="1"/>
    <col min="11270" max="11270" width="4.08984375" style="4" customWidth="1"/>
    <col min="11271" max="11271" width="12.08984375" style="4" customWidth="1"/>
    <col min="11272" max="11272" width="17.08984375" style="4" customWidth="1"/>
    <col min="11273" max="11273" width="8.36328125" style="4" customWidth="1"/>
    <col min="11274" max="11274" width="13" style="4" customWidth="1"/>
    <col min="11275" max="11275" width="2.36328125" style="4" customWidth="1"/>
    <col min="11276" max="11276" width="23.08984375" style="4" customWidth="1"/>
    <col min="11277" max="11281" width="8.6328125" style="4" customWidth="1"/>
    <col min="11282" max="11282" width="22.08984375" style="4" customWidth="1"/>
    <col min="11283" max="11283" width="4.08984375" style="4" customWidth="1"/>
    <col min="11284" max="11284" width="5.08984375" style="4" customWidth="1"/>
    <col min="11285" max="11524" width="8.08984375" style="4"/>
    <col min="11525" max="11525" width="4" style="4" customWidth="1"/>
    <col min="11526" max="11526" width="4.08984375" style="4" customWidth="1"/>
    <col min="11527" max="11527" width="12.08984375" style="4" customWidth="1"/>
    <col min="11528" max="11528" width="17.08984375" style="4" customWidth="1"/>
    <col min="11529" max="11529" width="8.36328125" style="4" customWidth="1"/>
    <col min="11530" max="11530" width="13" style="4" customWidth="1"/>
    <col min="11531" max="11531" width="2.36328125" style="4" customWidth="1"/>
    <col min="11532" max="11532" width="23.08984375" style="4" customWidth="1"/>
    <col min="11533" max="11537" width="8.6328125" style="4" customWidth="1"/>
    <col min="11538" max="11538" width="22.08984375" style="4" customWidth="1"/>
    <col min="11539" max="11539" width="4.08984375" style="4" customWidth="1"/>
    <col min="11540" max="11540" width="5.08984375" style="4" customWidth="1"/>
    <col min="11541" max="11780" width="8.08984375" style="4"/>
    <col min="11781" max="11781" width="4" style="4" customWidth="1"/>
    <col min="11782" max="11782" width="4.08984375" style="4" customWidth="1"/>
    <col min="11783" max="11783" width="12.08984375" style="4" customWidth="1"/>
    <col min="11784" max="11784" width="17.08984375" style="4" customWidth="1"/>
    <col min="11785" max="11785" width="8.36328125" style="4" customWidth="1"/>
    <col min="11786" max="11786" width="13" style="4" customWidth="1"/>
    <col min="11787" max="11787" width="2.36328125" style="4" customWidth="1"/>
    <col min="11788" max="11788" width="23.08984375" style="4" customWidth="1"/>
    <col min="11789" max="11793" width="8.6328125" style="4" customWidth="1"/>
    <col min="11794" max="11794" width="22.08984375" style="4" customWidth="1"/>
    <col min="11795" max="11795" width="4.08984375" style="4" customWidth="1"/>
    <col min="11796" max="11796" width="5.08984375" style="4" customWidth="1"/>
    <col min="11797" max="12036" width="8.08984375" style="4"/>
    <col min="12037" max="12037" width="4" style="4" customWidth="1"/>
    <col min="12038" max="12038" width="4.08984375" style="4" customWidth="1"/>
    <col min="12039" max="12039" width="12.08984375" style="4" customWidth="1"/>
    <col min="12040" max="12040" width="17.08984375" style="4" customWidth="1"/>
    <col min="12041" max="12041" width="8.36328125" style="4" customWidth="1"/>
    <col min="12042" max="12042" width="13" style="4" customWidth="1"/>
    <col min="12043" max="12043" width="2.36328125" style="4" customWidth="1"/>
    <col min="12044" max="12044" width="23.08984375" style="4" customWidth="1"/>
    <col min="12045" max="12049" width="8.6328125" style="4" customWidth="1"/>
    <col min="12050" max="12050" width="22.08984375" style="4" customWidth="1"/>
    <col min="12051" max="12051" width="4.08984375" style="4" customWidth="1"/>
    <col min="12052" max="12052" width="5.08984375" style="4" customWidth="1"/>
    <col min="12053" max="12292" width="8.08984375" style="4"/>
    <col min="12293" max="12293" width="4" style="4" customWidth="1"/>
    <col min="12294" max="12294" width="4.08984375" style="4" customWidth="1"/>
    <col min="12295" max="12295" width="12.08984375" style="4" customWidth="1"/>
    <col min="12296" max="12296" width="17.08984375" style="4" customWidth="1"/>
    <col min="12297" max="12297" width="8.36328125" style="4" customWidth="1"/>
    <col min="12298" max="12298" width="13" style="4" customWidth="1"/>
    <col min="12299" max="12299" width="2.36328125" style="4" customWidth="1"/>
    <col min="12300" max="12300" width="23.08984375" style="4" customWidth="1"/>
    <col min="12301" max="12305" width="8.6328125" style="4" customWidth="1"/>
    <col min="12306" max="12306" width="22.08984375" style="4" customWidth="1"/>
    <col min="12307" max="12307" width="4.08984375" style="4" customWidth="1"/>
    <col min="12308" max="12308" width="5.08984375" style="4" customWidth="1"/>
    <col min="12309" max="12548" width="8.08984375" style="4"/>
    <col min="12549" max="12549" width="4" style="4" customWidth="1"/>
    <col min="12550" max="12550" width="4.08984375" style="4" customWidth="1"/>
    <col min="12551" max="12551" width="12.08984375" style="4" customWidth="1"/>
    <col min="12552" max="12552" width="17.08984375" style="4" customWidth="1"/>
    <col min="12553" max="12553" width="8.36328125" style="4" customWidth="1"/>
    <col min="12554" max="12554" width="13" style="4" customWidth="1"/>
    <col min="12555" max="12555" width="2.36328125" style="4" customWidth="1"/>
    <col min="12556" max="12556" width="23.08984375" style="4" customWidth="1"/>
    <col min="12557" max="12561" width="8.6328125" style="4" customWidth="1"/>
    <col min="12562" max="12562" width="22.08984375" style="4" customWidth="1"/>
    <col min="12563" max="12563" width="4.08984375" style="4" customWidth="1"/>
    <col min="12564" max="12564" width="5.08984375" style="4" customWidth="1"/>
    <col min="12565" max="12804" width="8.08984375" style="4"/>
    <col min="12805" max="12805" width="4" style="4" customWidth="1"/>
    <col min="12806" max="12806" width="4.08984375" style="4" customWidth="1"/>
    <col min="12807" max="12807" width="12.08984375" style="4" customWidth="1"/>
    <col min="12808" max="12808" width="17.08984375" style="4" customWidth="1"/>
    <col min="12809" max="12809" width="8.36328125" style="4" customWidth="1"/>
    <col min="12810" max="12810" width="13" style="4" customWidth="1"/>
    <col min="12811" max="12811" width="2.36328125" style="4" customWidth="1"/>
    <col min="12812" max="12812" width="23.08984375" style="4" customWidth="1"/>
    <col min="12813" max="12817" width="8.6328125" style="4" customWidth="1"/>
    <col min="12818" max="12818" width="22.08984375" style="4" customWidth="1"/>
    <col min="12819" max="12819" width="4.08984375" style="4" customWidth="1"/>
    <col min="12820" max="12820" width="5.08984375" style="4" customWidth="1"/>
    <col min="12821" max="13060" width="8.08984375" style="4"/>
    <col min="13061" max="13061" width="4" style="4" customWidth="1"/>
    <col min="13062" max="13062" width="4.08984375" style="4" customWidth="1"/>
    <col min="13063" max="13063" width="12.08984375" style="4" customWidth="1"/>
    <col min="13064" max="13064" width="17.08984375" style="4" customWidth="1"/>
    <col min="13065" max="13065" width="8.36328125" style="4" customWidth="1"/>
    <col min="13066" max="13066" width="13" style="4" customWidth="1"/>
    <col min="13067" max="13067" width="2.36328125" style="4" customWidth="1"/>
    <col min="13068" max="13068" width="23.08984375" style="4" customWidth="1"/>
    <col min="13069" max="13073" width="8.6328125" style="4" customWidth="1"/>
    <col min="13074" max="13074" width="22.08984375" style="4" customWidth="1"/>
    <col min="13075" max="13075" width="4.08984375" style="4" customWidth="1"/>
    <col min="13076" max="13076" width="5.08984375" style="4" customWidth="1"/>
    <col min="13077" max="13316" width="8.08984375" style="4"/>
    <col min="13317" max="13317" width="4" style="4" customWidth="1"/>
    <col min="13318" max="13318" width="4.08984375" style="4" customWidth="1"/>
    <col min="13319" max="13319" width="12.08984375" style="4" customWidth="1"/>
    <col min="13320" max="13320" width="17.08984375" style="4" customWidth="1"/>
    <col min="13321" max="13321" width="8.36328125" style="4" customWidth="1"/>
    <col min="13322" max="13322" width="13" style="4" customWidth="1"/>
    <col min="13323" max="13323" width="2.36328125" style="4" customWidth="1"/>
    <col min="13324" max="13324" width="23.08984375" style="4" customWidth="1"/>
    <col min="13325" max="13329" width="8.6328125" style="4" customWidth="1"/>
    <col min="13330" max="13330" width="22.08984375" style="4" customWidth="1"/>
    <col min="13331" max="13331" width="4.08984375" style="4" customWidth="1"/>
    <col min="13332" max="13332" width="5.08984375" style="4" customWidth="1"/>
    <col min="13333" max="13572" width="8.08984375" style="4"/>
    <col min="13573" max="13573" width="4" style="4" customWidth="1"/>
    <col min="13574" max="13574" width="4.08984375" style="4" customWidth="1"/>
    <col min="13575" max="13575" width="12.08984375" style="4" customWidth="1"/>
    <col min="13576" max="13576" width="17.08984375" style="4" customWidth="1"/>
    <col min="13577" max="13577" width="8.36328125" style="4" customWidth="1"/>
    <col min="13578" max="13578" width="13" style="4" customWidth="1"/>
    <col min="13579" max="13579" width="2.36328125" style="4" customWidth="1"/>
    <col min="13580" max="13580" width="23.08984375" style="4" customWidth="1"/>
    <col min="13581" max="13585" width="8.6328125" style="4" customWidth="1"/>
    <col min="13586" max="13586" width="22.08984375" style="4" customWidth="1"/>
    <col min="13587" max="13587" width="4.08984375" style="4" customWidth="1"/>
    <col min="13588" max="13588" width="5.08984375" style="4" customWidth="1"/>
    <col min="13589" max="13828" width="8.08984375" style="4"/>
    <col min="13829" max="13829" width="4" style="4" customWidth="1"/>
    <col min="13830" max="13830" width="4.08984375" style="4" customWidth="1"/>
    <col min="13831" max="13831" width="12.08984375" style="4" customWidth="1"/>
    <col min="13832" max="13832" width="17.08984375" style="4" customWidth="1"/>
    <col min="13833" max="13833" width="8.36328125" style="4" customWidth="1"/>
    <col min="13834" max="13834" width="13" style="4" customWidth="1"/>
    <col min="13835" max="13835" width="2.36328125" style="4" customWidth="1"/>
    <col min="13836" max="13836" width="23.08984375" style="4" customWidth="1"/>
    <col min="13837" max="13841" width="8.6328125" style="4" customWidth="1"/>
    <col min="13842" max="13842" width="22.08984375" style="4" customWidth="1"/>
    <col min="13843" max="13843" width="4.08984375" style="4" customWidth="1"/>
    <col min="13844" max="13844" width="5.08984375" style="4" customWidth="1"/>
    <col min="13845" max="14084" width="8.08984375" style="4"/>
    <col min="14085" max="14085" width="4" style="4" customWidth="1"/>
    <col min="14086" max="14086" width="4.08984375" style="4" customWidth="1"/>
    <col min="14087" max="14087" width="12.08984375" style="4" customWidth="1"/>
    <col min="14088" max="14088" width="17.08984375" style="4" customWidth="1"/>
    <col min="14089" max="14089" width="8.36328125" style="4" customWidth="1"/>
    <col min="14090" max="14090" width="13" style="4" customWidth="1"/>
    <col min="14091" max="14091" width="2.36328125" style="4" customWidth="1"/>
    <col min="14092" max="14092" width="23.08984375" style="4" customWidth="1"/>
    <col min="14093" max="14097" width="8.6328125" style="4" customWidth="1"/>
    <col min="14098" max="14098" width="22.08984375" style="4" customWidth="1"/>
    <col min="14099" max="14099" width="4.08984375" style="4" customWidth="1"/>
    <col min="14100" max="14100" width="5.08984375" style="4" customWidth="1"/>
    <col min="14101" max="14340" width="8.08984375" style="4"/>
    <col min="14341" max="14341" width="4" style="4" customWidth="1"/>
    <col min="14342" max="14342" width="4.08984375" style="4" customWidth="1"/>
    <col min="14343" max="14343" width="12.08984375" style="4" customWidth="1"/>
    <col min="14344" max="14344" width="17.08984375" style="4" customWidth="1"/>
    <col min="14345" max="14345" width="8.36328125" style="4" customWidth="1"/>
    <col min="14346" max="14346" width="13" style="4" customWidth="1"/>
    <col min="14347" max="14347" width="2.36328125" style="4" customWidth="1"/>
    <col min="14348" max="14348" width="23.08984375" style="4" customWidth="1"/>
    <col min="14349" max="14353" width="8.6328125" style="4" customWidth="1"/>
    <col min="14354" max="14354" width="22.08984375" style="4" customWidth="1"/>
    <col min="14355" max="14355" width="4.08984375" style="4" customWidth="1"/>
    <col min="14356" max="14356" width="5.08984375" style="4" customWidth="1"/>
    <col min="14357" max="14596" width="8.08984375" style="4"/>
    <col min="14597" max="14597" width="4" style="4" customWidth="1"/>
    <col min="14598" max="14598" width="4.08984375" style="4" customWidth="1"/>
    <col min="14599" max="14599" width="12.08984375" style="4" customWidth="1"/>
    <col min="14600" max="14600" width="17.08984375" style="4" customWidth="1"/>
    <col min="14601" max="14601" width="8.36328125" style="4" customWidth="1"/>
    <col min="14602" max="14602" width="13" style="4" customWidth="1"/>
    <col min="14603" max="14603" width="2.36328125" style="4" customWidth="1"/>
    <col min="14604" max="14604" width="23.08984375" style="4" customWidth="1"/>
    <col min="14605" max="14609" width="8.6328125" style="4" customWidth="1"/>
    <col min="14610" max="14610" width="22.08984375" style="4" customWidth="1"/>
    <col min="14611" max="14611" width="4.08984375" style="4" customWidth="1"/>
    <col min="14612" max="14612" width="5.08984375" style="4" customWidth="1"/>
    <col min="14613" max="14852" width="8.08984375" style="4"/>
    <col min="14853" max="14853" width="4" style="4" customWidth="1"/>
    <col min="14854" max="14854" width="4.08984375" style="4" customWidth="1"/>
    <col min="14855" max="14855" width="12.08984375" style="4" customWidth="1"/>
    <col min="14856" max="14856" width="17.08984375" style="4" customWidth="1"/>
    <col min="14857" max="14857" width="8.36328125" style="4" customWidth="1"/>
    <col min="14858" max="14858" width="13" style="4" customWidth="1"/>
    <col min="14859" max="14859" width="2.36328125" style="4" customWidth="1"/>
    <col min="14860" max="14860" width="23.08984375" style="4" customWidth="1"/>
    <col min="14861" max="14865" width="8.6328125" style="4" customWidth="1"/>
    <col min="14866" max="14866" width="22.08984375" style="4" customWidth="1"/>
    <col min="14867" max="14867" width="4.08984375" style="4" customWidth="1"/>
    <col min="14868" max="14868" width="5.08984375" style="4" customWidth="1"/>
    <col min="14869" max="15108" width="8.08984375" style="4"/>
    <col min="15109" max="15109" width="4" style="4" customWidth="1"/>
    <col min="15110" max="15110" width="4.08984375" style="4" customWidth="1"/>
    <col min="15111" max="15111" width="12.08984375" style="4" customWidth="1"/>
    <col min="15112" max="15112" width="17.08984375" style="4" customWidth="1"/>
    <col min="15113" max="15113" width="8.36328125" style="4" customWidth="1"/>
    <col min="15114" max="15114" width="13" style="4" customWidth="1"/>
    <col min="15115" max="15115" width="2.36328125" style="4" customWidth="1"/>
    <col min="15116" max="15116" width="23.08984375" style="4" customWidth="1"/>
    <col min="15117" max="15121" width="8.6328125" style="4" customWidth="1"/>
    <col min="15122" max="15122" width="22.08984375" style="4" customWidth="1"/>
    <col min="15123" max="15123" width="4.08984375" style="4" customWidth="1"/>
    <col min="15124" max="15124" width="5.08984375" style="4" customWidth="1"/>
    <col min="15125" max="15364" width="8.08984375" style="4"/>
    <col min="15365" max="15365" width="4" style="4" customWidth="1"/>
    <col min="15366" max="15366" width="4.08984375" style="4" customWidth="1"/>
    <col min="15367" max="15367" width="12.08984375" style="4" customWidth="1"/>
    <col min="15368" max="15368" width="17.08984375" style="4" customWidth="1"/>
    <col min="15369" max="15369" width="8.36328125" style="4" customWidth="1"/>
    <col min="15370" max="15370" width="13" style="4" customWidth="1"/>
    <col min="15371" max="15371" width="2.36328125" style="4" customWidth="1"/>
    <col min="15372" max="15372" width="23.08984375" style="4" customWidth="1"/>
    <col min="15373" max="15377" width="8.6328125" style="4" customWidth="1"/>
    <col min="15378" max="15378" width="22.08984375" style="4" customWidth="1"/>
    <col min="15379" max="15379" width="4.08984375" style="4" customWidth="1"/>
    <col min="15380" max="15380" width="5.08984375" style="4" customWidth="1"/>
    <col min="15381" max="15620" width="8.08984375" style="4"/>
    <col min="15621" max="15621" width="4" style="4" customWidth="1"/>
    <col min="15622" max="15622" width="4.08984375" style="4" customWidth="1"/>
    <col min="15623" max="15623" width="12.08984375" style="4" customWidth="1"/>
    <col min="15624" max="15624" width="17.08984375" style="4" customWidth="1"/>
    <col min="15625" max="15625" width="8.36328125" style="4" customWidth="1"/>
    <col min="15626" max="15626" width="13" style="4" customWidth="1"/>
    <col min="15627" max="15627" width="2.36328125" style="4" customWidth="1"/>
    <col min="15628" max="15628" width="23.08984375" style="4" customWidth="1"/>
    <col min="15629" max="15633" width="8.6328125" style="4" customWidth="1"/>
    <col min="15634" max="15634" width="22.08984375" style="4" customWidth="1"/>
    <col min="15635" max="15635" width="4.08984375" style="4" customWidth="1"/>
    <col min="15636" max="15636" width="5.08984375" style="4" customWidth="1"/>
    <col min="15637" max="15876" width="8.08984375" style="4"/>
    <col min="15877" max="15877" width="4" style="4" customWidth="1"/>
    <col min="15878" max="15878" width="4.08984375" style="4" customWidth="1"/>
    <col min="15879" max="15879" width="12.08984375" style="4" customWidth="1"/>
    <col min="15880" max="15880" width="17.08984375" style="4" customWidth="1"/>
    <col min="15881" max="15881" width="8.36328125" style="4" customWidth="1"/>
    <col min="15882" max="15882" width="13" style="4" customWidth="1"/>
    <col min="15883" max="15883" width="2.36328125" style="4" customWidth="1"/>
    <col min="15884" max="15884" width="23.08984375" style="4" customWidth="1"/>
    <col min="15885" max="15889" width="8.6328125" style="4" customWidth="1"/>
    <col min="15890" max="15890" width="22.08984375" style="4" customWidth="1"/>
    <col min="15891" max="15891" width="4.08984375" style="4" customWidth="1"/>
    <col min="15892" max="15892" width="5.08984375" style="4" customWidth="1"/>
    <col min="15893" max="16132" width="8.08984375" style="4"/>
    <col min="16133" max="16133" width="4" style="4" customWidth="1"/>
    <col min="16134" max="16134" width="4.08984375" style="4" customWidth="1"/>
    <col min="16135" max="16135" width="12.08984375" style="4" customWidth="1"/>
    <col min="16136" max="16136" width="17.08984375" style="4" customWidth="1"/>
    <col min="16137" max="16137" width="8.36328125" style="4" customWidth="1"/>
    <col min="16138" max="16138" width="13" style="4" customWidth="1"/>
    <col min="16139" max="16139" width="2.36328125" style="4" customWidth="1"/>
    <col min="16140" max="16140" width="23.08984375" style="4" customWidth="1"/>
    <col min="16141" max="16145" width="8.6328125" style="4" customWidth="1"/>
    <col min="16146" max="16146" width="22.08984375" style="4" customWidth="1"/>
    <col min="16147" max="16147" width="4.08984375" style="4" customWidth="1"/>
    <col min="16148" max="16148" width="5.08984375" style="4" customWidth="1"/>
    <col min="16149" max="16384" width="8.08984375" style="4"/>
  </cols>
  <sheetData>
    <row r="1" spans="1:21" ht="18.5">
      <c r="A1" s="28" t="s">
        <v>165</v>
      </c>
      <c r="B1" s="28"/>
      <c r="C1" s="28"/>
      <c r="D1" s="28"/>
      <c r="E1" s="28"/>
      <c r="F1" s="28"/>
      <c r="G1" s="28"/>
      <c r="H1" s="28"/>
      <c r="I1" s="3"/>
      <c r="J1" s="3"/>
      <c r="K1" s="29"/>
      <c r="L1" s="29"/>
      <c r="M1" s="30"/>
      <c r="N1" s="30"/>
      <c r="O1" s="30"/>
      <c r="P1" s="30"/>
      <c r="Q1" s="30"/>
      <c r="R1" s="30"/>
    </row>
    <row r="2" spans="1:21" ht="14">
      <c r="A2" s="28"/>
      <c r="B2" s="28"/>
      <c r="C2" s="28"/>
      <c r="D2" s="28"/>
      <c r="E2" s="28"/>
      <c r="F2" s="28"/>
      <c r="G2" s="28"/>
      <c r="H2" s="28"/>
      <c r="K2" s="29"/>
      <c r="L2" s="29"/>
      <c r="M2" s="31"/>
      <c r="N2" s="31"/>
      <c r="O2" s="27"/>
      <c r="P2" s="27"/>
      <c r="Q2" s="30"/>
      <c r="R2" s="30"/>
      <c r="U2" s="5"/>
    </row>
    <row r="3" spans="1:21" ht="16">
      <c r="A3" s="6"/>
      <c r="B3" s="6"/>
      <c r="K3" s="7"/>
      <c r="L3" s="7"/>
      <c r="M3" s="8"/>
      <c r="N3" s="8"/>
      <c r="O3" s="8"/>
      <c r="P3" s="8"/>
      <c r="Q3" s="8"/>
      <c r="R3" s="8"/>
      <c r="U3" s="5"/>
    </row>
    <row r="4" spans="1:21" ht="105.75" customHeight="1">
      <c r="A4" s="17" t="s">
        <v>136</v>
      </c>
      <c r="B4" s="18" t="s">
        <v>137</v>
      </c>
      <c r="C4" s="18" t="s">
        <v>138</v>
      </c>
      <c r="D4" s="18" t="s">
        <v>177</v>
      </c>
      <c r="E4" s="17" t="s">
        <v>139</v>
      </c>
      <c r="F4" s="19" t="s">
        <v>140</v>
      </c>
      <c r="G4" s="17" t="s">
        <v>141</v>
      </c>
      <c r="H4" s="20" t="s">
        <v>142</v>
      </c>
      <c r="I4" s="19" t="s">
        <v>166</v>
      </c>
      <c r="J4" s="19" t="s">
        <v>167</v>
      </c>
      <c r="K4" s="19" t="s">
        <v>143</v>
      </c>
      <c r="L4" s="19" t="s">
        <v>144</v>
      </c>
      <c r="M4" s="19" t="s">
        <v>145</v>
      </c>
      <c r="N4" s="19" t="s">
        <v>175</v>
      </c>
      <c r="O4" s="19" t="s">
        <v>172</v>
      </c>
      <c r="P4" s="19" t="s">
        <v>171</v>
      </c>
      <c r="Q4" s="19" t="s">
        <v>146</v>
      </c>
      <c r="R4" s="19" t="s">
        <v>176</v>
      </c>
    </row>
    <row r="5" spans="1:21" ht="80.25" customHeight="1">
      <c r="A5" s="17" t="s">
        <v>147</v>
      </c>
      <c r="B5" s="21" t="s">
        <v>169</v>
      </c>
      <c r="C5" s="18" t="s">
        <v>148</v>
      </c>
      <c r="D5" s="18" t="s">
        <v>178</v>
      </c>
      <c r="E5" s="22" t="s">
        <v>149</v>
      </c>
      <c r="F5" s="22" t="s">
        <v>149</v>
      </c>
      <c r="G5" s="22" t="s">
        <v>161</v>
      </c>
      <c r="H5" s="23" t="s">
        <v>158</v>
      </c>
      <c r="I5" s="24" t="s">
        <v>150</v>
      </c>
      <c r="J5" s="24" t="s">
        <v>168</v>
      </c>
      <c r="K5" s="25" t="s">
        <v>151</v>
      </c>
      <c r="L5" s="25" t="s">
        <v>153</v>
      </c>
      <c r="M5" s="19" t="s">
        <v>154</v>
      </c>
      <c r="N5" s="19" t="s">
        <v>155</v>
      </c>
      <c r="O5" s="19" t="s">
        <v>173</v>
      </c>
      <c r="P5" s="19" t="s">
        <v>170</v>
      </c>
      <c r="Q5" s="19"/>
      <c r="R5" s="26" t="s">
        <v>174</v>
      </c>
    </row>
    <row r="6" spans="1:21" ht="80.25" customHeight="1">
      <c r="A6" s="10">
        <v>1</v>
      </c>
      <c r="B6" s="11"/>
      <c r="C6" s="11"/>
      <c r="D6" s="11"/>
      <c r="E6" s="12"/>
      <c r="F6" s="13"/>
      <c r="G6" s="13"/>
      <c r="H6" s="14"/>
      <c r="I6" s="15"/>
      <c r="J6" s="15"/>
      <c r="K6" s="15"/>
      <c r="L6" s="9"/>
      <c r="M6" s="13"/>
      <c r="N6" s="9"/>
      <c r="O6" s="9"/>
      <c r="P6" s="13"/>
      <c r="Q6" s="13"/>
      <c r="R6" s="16"/>
    </row>
    <row r="7" spans="1:21" ht="80.25" customHeight="1">
      <c r="A7" s="10">
        <v>2</v>
      </c>
      <c r="B7" s="11"/>
      <c r="C7" s="11"/>
      <c r="D7" s="11"/>
      <c r="E7" s="12"/>
      <c r="F7" s="13"/>
      <c r="G7" s="13"/>
      <c r="H7" s="14"/>
      <c r="I7" s="15"/>
      <c r="J7" s="15"/>
      <c r="K7" s="15"/>
      <c r="L7" s="9"/>
      <c r="M7" s="13"/>
      <c r="N7" s="9"/>
      <c r="O7" s="9"/>
      <c r="P7" s="13"/>
      <c r="Q7" s="13"/>
      <c r="R7" s="16"/>
    </row>
    <row r="8" spans="1:21" ht="80.25" customHeight="1">
      <c r="A8" s="10">
        <v>3</v>
      </c>
      <c r="B8" s="11"/>
      <c r="C8" s="11"/>
      <c r="D8" s="11"/>
      <c r="E8" s="12"/>
      <c r="F8" s="13"/>
      <c r="G8" s="13"/>
      <c r="H8" s="14"/>
      <c r="I8" s="15"/>
      <c r="J8" s="15"/>
      <c r="K8" s="15"/>
      <c r="L8" s="9"/>
      <c r="M8" s="13"/>
      <c r="N8" s="9"/>
      <c r="O8" s="9"/>
      <c r="P8" s="13"/>
      <c r="Q8" s="13"/>
      <c r="R8" s="16"/>
    </row>
    <row r="9" spans="1:21" ht="80.25" customHeight="1">
      <c r="A9" s="10">
        <v>4</v>
      </c>
      <c r="B9" s="11"/>
      <c r="C9" s="11"/>
      <c r="D9" s="11"/>
      <c r="E9" s="12"/>
      <c r="F9" s="13"/>
      <c r="G9" s="13"/>
      <c r="H9" s="14"/>
      <c r="I9" s="15"/>
      <c r="J9" s="15"/>
      <c r="K9" s="15"/>
      <c r="L9" s="9"/>
      <c r="M9" s="13"/>
      <c r="N9" s="9"/>
      <c r="O9" s="9"/>
      <c r="P9" s="13"/>
      <c r="Q9" s="13"/>
      <c r="R9" s="16"/>
    </row>
    <row r="10" spans="1:21" ht="80.25" customHeight="1">
      <c r="A10" s="10">
        <v>5</v>
      </c>
      <c r="B10" s="11"/>
      <c r="C10" s="11"/>
      <c r="D10" s="11"/>
      <c r="E10" s="12"/>
      <c r="F10" s="13"/>
      <c r="G10" s="13"/>
      <c r="H10" s="14"/>
      <c r="I10" s="15"/>
      <c r="J10" s="15"/>
      <c r="K10" s="15"/>
      <c r="L10" s="9"/>
      <c r="M10" s="13"/>
      <c r="N10" s="9"/>
      <c r="O10" s="9"/>
      <c r="P10" s="13"/>
      <c r="Q10" s="13"/>
      <c r="R10" s="16"/>
    </row>
    <row r="11" spans="1:21" ht="80.25" customHeight="1">
      <c r="A11" s="10">
        <v>6</v>
      </c>
      <c r="B11" s="11"/>
      <c r="C11" s="11"/>
      <c r="D11" s="11"/>
      <c r="E11" s="12"/>
      <c r="F11" s="13"/>
      <c r="G11" s="13"/>
      <c r="H11" s="14"/>
      <c r="I11" s="15"/>
      <c r="J11" s="15"/>
      <c r="K11" s="15"/>
      <c r="L11" s="9"/>
      <c r="M11" s="13"/>
      <c r="N11" s="9"/>
      <c r="O11" s="9"/>
      <c r="P11" s="13"/>
      <c r="Q11" s="13"/>
      <c r="R11" s="16"/>
    </row>
    <row r="12" spans="1:21" ht="80.25" customHeight="1"/>
    <row r="13" spans="1:21" ht="80.25" customHeight="1"/>
    <row r="14" spans="1:21" ht="80.25" customHeight="1"/>
    <row r="15" spans="1:21" ht="80.25" customHeight="1"/>
  </sheetData>
  <mergeCells count="5">
    <mergeCell ref="A1:H2"/>
    <mergeCell ref="K1:L2"/>
    <mergeCell ref="M1:R1"/>
    <mergeCell ref="M2:N2"/>
    <mergeCell ref="Q2:R2"/>
  </mergeCells>
  <phoneticPr fontId="2"/>
  <hyperlinks>
    <hyperlink ref="H5" r:id="rId1" xr:uid="{00000000-0004-0000-0100-000000000000}"/>
  </hyperlinks>
  <pageMargins left="0.7" right="0.7" top="0.75" bottom="0.75" header="0.3" footer="0.3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 xr:uid="{00000000-0002-0000-0100-000000000000}">
          <x14:formula1>
            <xm:f>リスト!$B$8:$B$10</xm:f>
          </x14:formula1>
          <xm:sqref>L6:L11</xm:sqref>
        </x14:dataValidation>
        <x14:dataValidation type="list" allowBlank="1" showInputMessage="1" showErrorMessage="1" xr:uid="{00000000-0002-0000-0100-000001000000}">
          <x14:formula1>
            <xm:f>リスト!$B$14:$B$16</xm:f>
          </x14:formula1>
          <xm:sqref>N6:O11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3:Z41"/>
  <sheetViews>
    <sheetView workbookViewId="0">
      <selection activeCell="B17" sqref="B17"/>
    </sheetView>
  </sheetViews>
  <sheetFormatPr defaultColWidth="9" defaultRowHeight="13"/>
  <cols>
    <col min="1" max="4" width="9" style="1"/>
    <col min="5" max="8" width="15.08984375" style="1" customWidth="1"/>
    <col min="9" max="9" width="30.08984375" style="1" customWidth="1"/>
    <col min="10" max="13" width="15.08984375" style="1" customWidth="1"/>
    <col min="14" max="14" width="21.453125" style="1" customWidth="1"/>
    <col min="15" max="26" width="15.08984375" style="1" customWidth="1"/>
    <col min="27" max="16384" width="9" style="1"/>
  </cols>
  <sheetData>
    <row r="3" spans="1:24">
      <c r="A3" s="1" t="s">
        <v>0</v>
      </c>
      <c r="B3" s="1" t="s">
        <v>156</v>
      </c>
      <c r="E3" s="2" t="s">
        <v>118</v>
      </c>
      <c r="F3" s="2" t="s">
        <v>1</v>
      </c>
      <c r="G3" s="2" t="s">
        <v>119</v>
      </c>
      <c r="H3" s="2" t="s">
        <v>127</v>
      </c>
      <c r="I3" s="2" t="s">
        <v>4</v>
      </c>
      <c r="J3" s="2" t="s">
        <v>128</v>
      </c>
      <c r="K3" s="2" t="s">
        <v>129</v>
      </c>
      <c r="L3" s="2" t="s">
        <v>120</v>
      </c>
      <c r="M3" s="2" t="s">
        <v>130</v>
      </c>
      <c r="N3" s="2" t="s">
        <v>131</v>
      </c>
      <c r="O3" s="2" t="s">
        <v>121</v>
      </c>
      <c r="P3" s="2" t="s">
        <v>122</v>
      </c>
      <c r="Q3" s="2" t="s">
        <v>123</v>
      </c>
      <c r="R3" s="2" t="s">
        <v>124</v>
      </c>
      <c r="S3" s="2" t="s">
        <v>125</v>
      </c>
      <c r="T3" s="2" t="s">
        <v>126</v>
      </c>
      <c r="U3" s="2" t="s">
        <v>132</v>
      </c>
      <c r="V3" s="2" t="s">
        <v>133</v>
      </c>
      <c r="W3" s="2" t="s">
        <v>134</v>
      </c>
      <c r="X3" s="2" t="s">
        <v>135</v>
      </c>
    </row>
    <row r="4" spans="1:24">
      <c r="B4" s="1" t="s">
        <v>157</v>
      </c>
      <c r="E4" s="1" t="s">
        <v>19</v>
      </c>
      <c r="F4" s="1" t="s">
        <v>21</v>
      </c>
      <c r="G4" s="1" t="s">
        <v>119</v>
      </c>
      <c r="H4" s="1" t="s">
        <v>23</v>
      </c>
      <c r="I4" s="1" t="s">
        <v>26</v>
      </c>
      <c r="J4" s="1" t="s">
        <v>50</v>
      </c>
      <c r="K4" s="1" t="s">
        <v>54</v>
      </c>
      <c r="L4" s="1" t="s">
        <v>59</v>
      </c>
      <c r="M4" s="1" t="s">
        <v>67</v>
      </c>
      <c r="N4" s="1" t="s">
        <v>79</v>
      </c>
      <c r="O4" s="1" t="s">
        <v>85</v>
      </c>
      <c r="P4" s="1" t="s">
        <v>88</v>
      </c>
      <c r="Q4" s="1" t="s">
        <v>92</v>
      </c>
      <c r="R4" s="1" t="s">
        <v>95</v>
      </c>
      <c r="S4" s="1" t="s">
        <v>98</v>
      </c>
      <c r="T4" s="1" t="s">
        <v>100</v>
      </c>
      <c r="U4" s="1" t="s">
        <v>103</v>
      </c>
      <c r="V4" s="1" t="s">
        <v>105</v>
      </c>
      <c r="W4" s="1" t="s">
        <v>114</v>
      </c>
      <c r="X4" s="1" t="s">
        <v>18</v>
      </c>
    </row>
    <row r="5" spans="1:24">
      <c r="E5" s="1" t="s">
        <v>20</v>
      </c>
      <c r="F5" s="1" t="s">
        <v>22</v>
      </c>
      <c r="H5" s="1" t="s">
        <v>24</v>
      </c>
      <c r="I5" s="1" t="s">
        <v>27</v>
      </c>
      <c r="J5" s="1" t="s">
        <v>51</v>
      </c>
      <c r="K5" s="1" t="s">
        <v>55</v>
      </c>
      <c r="L5" s="1" t="s">
        <v>60</v>
      </c>
      <c r="M5" s="1" t="s">
        <v>68</v>
      </c>
      <c r="N5" s="1" t="s">
        <v>80</v>
      </c>
      <c r="O5" s="1" t="s">
        <v>86</v>
      </c>
      <c r="P5" s="1" t="s">
        <v>89</v>
      </c>
      <c r="Q5" s="1" t="s">
        <v>93</v>
      </c>
      <c r="R5" s="1" t="s">
        <v>96</v>
      </c>
      <c r="S5" s="1" t="s">
        <v>99</v>
      </c>
      <c r="T5" s="1" t="s">
        <v>101</v>
      </c>
      <c r="U5" s="1" t="s">
        <v>104</v>
      </c>
      <c r="V5" s="1" t="s">
        <v>106</v>
      </c>
      <c r="W5" s="1" t="s">
        <v>115</v>
      </c>
    </row>
    <row r="6" spans="1:24">
      <c r="H6" s="1" t="s">
        <v>25</v>
      </c>
      <c r="I6" s="1" t="s">
        <v>28</v>
      </c>
      <c r="J6" s="1" t="s">
        <v>52</v>
      </c>
      <c r="K6" s="1" t="s">
        <v>56</v>
      </c>
      <c r="L6" s="1" t="s">
        <v>61</v>
      </c>
      <c r="M6" s="1" t="s">
        <v>69</v>
      </c>
      <c r="N6" s="1" t="s">
        <v>81</v>
      </c>
      <c r="O6" s="1" t="s">
        <v>87</v>
      </c>
      <c r="P6" s="1" t="s">
        <v>90</v>
      </c>
      <c r="Q6" s="1" t="s">
        <v>94</v>
      </c>
      <c r="R6" s="1" t="s">
        <v>97</v>
      </c>
      <c r="T6" s="1" t="s">
        <v>102</v>
      </c>
      <c r="V6" s="1" t="s">
        <v>107</v>
      </c>
    </row>
    <row r="7" spans="1:24">
      <c r="I7" s="1" t="s">
        <v>29</v>
      </c>
      <c r="J7" s="1" t="s">
        <v>53</v>
      </c>
      <c r="K7" s="1" t="s">
        <v>57</v>
      </c>
      <c r="L7" s="1" t="s">
        <v>62</v>
      </c>
      <c r="M7" s="1" t="s">
        <v>70</v>
      </c>
      <c r="N7" s="1" t="s">
        <v>82</v>
      </c>
      <c r="P7" s="1" t="s">
        <v>91</v>
      </c>
      <c r="V7" s="1" t="s">
        <v>108</v>
      </c>
    </row>
    <row r="8" spans="1:24">
      <c r="B8" s="1" t="s">
        <v>159</v>
      </c>
      <c r="I8" s="1" t="s">
        <v>30</v>
      </c>
      <c r="K8" s="1" t="s">
        <v>58</v>
      </c>
      <c r="L8" s="1" t="s">
        <v>63</v>
      </c>
      <c r="M8" s="1" t="s">
        <v>71</v>
      </c>
      <c r="N8" s="1" t="s">
        <v>83</v>
      </c>
      <c r="V8" s="1" t="s">
        <v>109</v>
      </c>
    </row>
    <row r="9" spans="1:24">
      <c r="B9" s="1" t="s">
        <v>160</v>
      </c>
      <c r="I9" s="1" t="s">
        <v>31</v>
      </c>
      <c r="L9" s="1" t="s">
        <v>64</v>
      </c>
      <c r="M9" s="1" t="s">
        <v>72</v>
      </c>
      <c r="N9" s="1" t="s">
        <v>84</v>
      </c>
      <c r="V9" s="1" t="s">
        <v>110</v>
      </c>
    </row>
    <row r="10" spans="1:24">
      <c r="B10" s="1" t="s">
        <v>152</v>
      </c>
      <c r="I10" s="1" t="s">
        <v>32</v>
      </c>
      <c r="L10" s="1" t="s">
        <v>65</v>
      </c>
      <c r="M10" s="1" t="s">
        <v>73</v>
      </c>
      <c r="V10" s="1" t="s">
        <v>111</v>
      </c>
    </row>
    <row r="11" spans="1:24">
      <c r="I11" s="1" t="s">
        <v>33</v>
      </c>
      <c r="L11" s="1" t="s">
        <v>66</v>
      </c>
      <c r="M11" s="1" t="s">
        <v>74</v>
      </c>
      <c r="V11" s="1" t="s">
        <v>112</v>
      </c>
    </row>
    <row r="12" spans="1:24">
      <c r="I12" s="1" t="s">
        <v>34</v>
      </c>
      <c r="M12" s="1" t="s">
        <v>75</v>
      </c>
      <c r="V12" s="1" t="s">
        <v>113</v>
      </c>
    </row>
    <row r="13" spans="1:24">
      <c r="I13" s="1" t="s">
        <v>35</v>
      </c>
      <c r="M13" s="1" t="s">
        <v>76</v>
      </c>
    </row>
    <row r="14" spans="1:24">
      <c r="B14" s="1" t="s">
        <v>162</v>
      </c>
      <c r="I14" s="1" t="s">
        <v>36</v>
      </c>
      <c r="M14" s="1" t="s">
        <v>77</v>
      </c>
    </row>
    <row r="15" spans="1:24">
      <c r="B15" s="1" t="s">
        <v>163</v>
      </c>
      <c r="I15" s="1" t="s">
        <v>37</v>
      </c>
      <c r="M15" s="1" t="s">
        <v>78</v>
      </c>
    </row>
    <row r="16" spans="1:24">
      <c r="B16" s="1" t="s">
        <v>164</v>
      </c>
      <c r="I16" s="1" t="s">
        <v>38</v>
      </c>
    </row>
    <row r="17" spans="9:9">
      <c r="I17" s="1" t="s">
        <v>39</v>
      </c>
    </row>
    <row r="18" spans="9:9">
      <c r="I18" s="1" t="s">
        <v>40</v>
      </c>
    </row>
    <row r="19" spans="9:9">
      <c r="I19" s="1" t="s">
        <v>41</v>
      </c>
    </row>
    <row r="20" spans="9:9">
      <c r="I20" s="1" t="s">
        <v>42</v>
      </c>
    </row>
    <row r="21" spans="9:9">
      <c r="I21" s="1" t="s">
        <v>43</v>
      </c>
    </row>
    <row r="22" spans="9:9">
      <c r="I22" s="1" t="s">
        <v>44</v>
      </c>
    </row>
    <row r="23" spans="9:9">
      <c r="I23" s="1" t="s">
        <v>45</v>
      </c>
    </row>
    <row r="24" spans="9:9">
      <c r="I24" s="1" t="s">
        <v>46</v>
      </c>
    </row>
    <row r="25" spans="9:9">
      <c r="I25" s="1" t="s">
        <v>47</v>
      </c>
    </row>
    <row r="26" spans="9:9">
      <c r="I26" s="1" t="s">
        <v>48</v>
      </c>
    </row>
    <row r="27" spans="9:9">
      <c r="I27" s="1" t="s">
        <v>49</v>
      </c>
    </row>
    <row r="41" spans="7:26">
      <c r="G41" s="1" t="s">
        <v>116</v>
      </c>
      <c r="H41" s="1" t="s">
        <v>1</v>
      </c>
      <c r="I41" s="1" t="s">
        <v>2</v>
      </c>
      <c r="J41" s="1" t="s">
        <v>3</v>
      </c>
      <c r="K41" s="1" t="s">
        <v>4</v>
      </c>
      <c r="L41" s="1" t="s">
        <v>5</v>
      </c>
      <c r="M41" s="1" t="s">
        <v>6</v>
      </c>
      <c r="N41" s="1" t="s">
        <v>7</v>
      </c>
      <c r="O41" s="1" t="s">
        <v>8</v>
      </c>
      <c r="P41" s="1" t="s">
        <v>9</v>
      </c>
      <c r="Q41" s="1" t="s">
        <v>10</v>
      </c>
      <c r="R41" s="1" t="s">
        <v>11</v>
      </c>
      <c r="S41" s="1" t="s">
        <v>12</v>
      </c>
      <c r="T41" s="1" t="s">
        <v>117</v>
      </c>
      <c r="U41" s="1" t="s">
        <v>13</v>
      </c>
      <c r="V41" s="1" t="s">
        <v>14</v>
      </c>
      <c r="W41" s="1" t="s">
        <v>15</v>
      </c>
      <c r="X41" s="1" t="s">
        <v>16</v>
      </c>
      <c r="Y41" s="1" t="s">
        <v>17</v>
      </c>
      <c r="Z41" s="1" t="s">
        <v>18</v>
      </c>
    </row>
  </sheetData>
  <phoneticPr fontId="2"/>
  <dataValidations count="1">
    <dataValidation type="list" allowBlank="1" showInputMessage="1" showErrorMessage="1" sqref="B8:B10" xr:uid="{00000000-0002-0000-0200-000000000000}">
      <formula1>$B$3:$B$4</formula1>
    </dataValidation>
  </dataValidation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2C1FD913945BF84C8A9650BC6B1C69C0" ma:contentTypeVersion="13" ma:contentTypeDescription="新しいドキュメントを作成します。" ma:contentTypeScope="" ma:versionID="fa08798c9bb87e9983b0c14eea55e0cd">
  <xsd:schema xmlns:xsd="http://www.w3.org/2001/XMLSchema" xmlns:xs="http://www.w3.org/2001/XMLSchema" xmlns:p="http://schemas.microsoft.com/office/2006/metadata/properties" xmlns:ns2="7610630d-b268-4092-8823-e948dfbf3ef7" xmlns:ns3="ffcda67c-f79e-4241-ab6d-211d964914d5" targetNamespace="http://schemas.microsoft.com/office/2006/metadata/properties" ma:root="true" ma:fieldsID="7682b2cf123379ae55c4d9c84095f968" ns2:_="" ns3:_="">
    <xsd:import namespace="7610630d-b268-4092-8823-e948dfbf3ef7"/>
    <xsd:import namespace="ffcda67c-f79e-4241-ab6d-211d964914d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610630d-b268-4092-8823-e948dfbf3ef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画像タグ" ma:readOnly="false" ma:fieldId="{5cf76f15-5ced-4ddc-b409-7134ff3c332f}" ma:taxonomyMulti="true" ma:sspId="f6533bf4-84fe-4683-88bb-e65233d3d004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fcda67c-f79e-4241-ab6d-211d964914d5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f51ac3d6-8ebb-40a6-835d-5515471cca40}" ma:internalName="TaxCatchAll" ma:showField="CatchAllData" ma:web="ffcda67c-f79e-4241-ab6d-211d964914d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B6D7744-149C-4A8C-BF5E-4BB6CB083AE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610630d-b268-4092-8823-e948dfbf3ef7"/>
    <ds:schemaRef ds:uri="ffcda67c-f79e-4241-ab6d-211d964914d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169223A-9D39-4DE7-AE13-4F5D91834E76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0</vt:i4>
      </vt:variant>
    </vt:vector>
  </HeadingPairs>
  <TitlesOfParts>
    <vt:vector size="22" baseType="lpstr">
      <vt:lpstr>商品シート</vt:lpstr>
      <vt:lpstr>リスト</vt:lpstr>
      <vt:lpstr>サービス業・他に分類されないもの</vt:lpstr>
      <vt:lpstr>医療・福祉</vt:lpstr>
      <vt:lpstr>運輸業・郵便業</vt:lpstr>
      <vt:lpstr>卸売業・小売業</vt:lpstr>
      <vt:lpstr>学術研究・専門・技術サービス業</vt:lpstr>
      <vt:lpstr>漁業</vt:lpstr>
      <vt:lpstr>教育・学習支援業</vt:lpstr>
      <vt:lpstr>金融業・保険業</vt:lpstr>
      <vt:lpstr>建設業</vt:lpstr>
      <vt:lpstr>公務・他に分類されるものを除く</vt:lpstr>
      <vt:lpstr>鉱業・採石業・砂利採取業</vt:lpstr>
      <vt:lpstr>宿泊業・飲食サービス業</vt:lpstr>
      <vt:lpstr>情報通信業</vt:lpstr>
      <vt:lpstr>生活関連サービス業・娯楽業</vt:lpstr>
      <vt:lpstr>製造業</vt:lpstr>
      <vt:lpstr>電気・ガス・熱供給・水道業</vt:lpstr>
      <vt:lpstr>農業・林業</vt:lpstr>
      <vt:lpstr>不動産業・物品賃貸業</vt:lpstr>
      <vt:lpstr>複合サービス事業</vt:lpstr>
      <vt:lpstr>分類不能の産業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5-31T21:57:27Z</cp:lastPrinted>
  <dcterms:created xsi:type="dcterms:W3CDTF">1997-01-08T22:48:59Z</dcterms:created>
  <dcterms:modified xsi:type="dcterms:W3CDTF">2024-06-10T04:37:03Z</dcterms:modified>
</cp:coreProperties>
</file>